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tags/tag6.xml" ContentType="application/vnd.openxmlformats-officedocument.presentationml.tags+xml"/>
  <Override PartName="/ppt/notesSlides/notesSlide4.xml" ContentType="application/vnd.openxmlformats-officedocument.presentationml.notesSlide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47"/>
  </p:notesMasterIdLst>
  <p:handoutMasterIdLst>
    <p:handoutMasterId r:id="rId48"/>
  </p:handoutMasterIdLst>
  <p:sldIdLst>
    <p:sldId id="266" r:id="rId2"/>
    <p:sldId id="262" r:id="rId3"/>
    <p:sldId id="270" r:id="rId4"/>
    <p:sldId id="273" r:id="rId5"/>
    <p:sldId id="274" r:id="rId6"/>
    <p:sldId id="271" r:id="rId7"/>
    <p:sldId id="272" r:id="rId8"/>
    <p:sldId id="275" r:id="rId9"/>
    <p:sldId id="276" r:id="rId10"/>
    <p:sldId id="277" r:id="rId11"/>
    <p:sldId id="279" r:id="rId12"/>
    <p:sldId id="280" r:id="rId13"/>
    <p:sldId id="281" r:id="rId14"/>
    <p:sldId id="282" r:id="rId15"/>
    <p:sldId id="283" r:id="rId16"/>
    <p:sldId id="284" r:id="rId17"/>
    <p:sldId id="285" r:id="rId18"/>
    <p:sldId id="258" r:id="rId19"/>
    <p:sldId id="267" r:id="rId20"/>
    <p:sldId id="268" r:id="rId21"/>
    <p:sldId id="269" r:id="rId22"/>
    <p:sldId id="287" r:id="rId23"/>
    <p:sldId id="260" r:id="rId24"/>
    <p:sldId id="265" r:id="rId25"/>
    <p:sldId id="286" r:id="rId26"/>
    <p:sldId id="292" r:id="rId27"/>
    <p:sldId id="291" r:id="rId28"/>
    <p:sldId id="294" r:id="rId29"/>
    <p:sldId id="295" r:id="rId30"/>
    <p:sldId id="297" r:id="rId31"/>
    <p:sldId id="288" r:id="rId32"/>
    <p:sldId id="298" r:id="rId33"/>
    <p:sldId id="299" r:id="rId34"/>
    <p:sldId id="301" r:id="rId35"/>
    <p:sldId id="300" r:id="rId36"/>
    <p:sldId id="303" r:id="rId37"/>
    <p:sldId id="304" r:id="rId38"/>
    <p:sldId id="305" r:id="rId39"/>
    <p:sldId id="307" r:id="rId40"/>
    <p:sldId id="306" r:id="rId41"/>
    <p:sldId id="289" r:id="rId42"/>
    <p:sldId id="290" r:id="rId43"/>
    <p:sldId id="309" r:id="rId44"/>
    <p:sldId id="308" r:id="rId45"/>
    <p:sldId id="310" r:id="rId46"/>
  </p:sldIdLst>
  <p:sldSz cx="12188825" cy="6858000"/>
  <p:notesSz cx="6797675" cy="9926638"/>
  <p:embeddedFontLst>
    <p:embeddedFont>
      <p:font typeface="0xProto Nerd Font" panose="02000009000000000000" pitchFamily="50" charset="0"/>
      <p:regular r:id="rId49"/>
    </p:embeddedFont>
    <p:embeddedFont>
      <p:font typeface="AU Passata" panose="020B0604020202020204" charset="0"/>
      <p:regular r:id="rId50"/>
      <p:bold r:id="rId51"/>
    </p:embeddedFont>
    <p:embeddedFont>
      <p:font typeface="AU Passata Light" panose="020B0604020202020204" charset="0"/>
      <p:regular r:id="rId52"/>
      <p:bold r:id="rId53"/>
    </p:embeddedFont>
    <p:embeddedFont>
      <p:font typeface="AU Peto" panose="020B0604020202020204" charset="0"/>
      <p:regular r:id="rId54"/>
      <p:bold r:id="rId55"/>
    </p:embeddedFont>
    <p:embeddedFont>
      <p:font typeface="Cascadia Code" panose="020B0609020000020004" pitchFamily="49" charset="0"/>
      <p:regular r:id="rId56"/>
      <p:bold r:id="rId57"/>
      <p:italic r:id="rId58"/>
      <p:boldItalic r:id="rId59"/>
    </p:embeddedFont>
    <p:embeddedFont>
      <p:font typeface="Georgia" panose="02040502050405020303" pitchFamily="18" charset="0"/>
      <p:regular r:id="rId60"/>
      <p:bold r:id="rId61"/>
      <p:italic r:id="rId62"/>
      <p:boldItalic r:id="rId6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Introduction" id="{AEC4A5EE-8969-4694-B339-8B25684C346B}">
          <p14:sldIdLst>
            <p14:sldId id="266"/>
            <p14:sldId id="262"/>
            <p14:sldId id="270"/>
            <p14:sldId id="273"/>
            <p14:sldId id="274"/>
            <p14:sldId id="271"/>
            <p14:sldId id="272"/>
            <p14:sldId id="275"/>
            <p14:sldId id="276"/>
            <p14:sldId id="277"/>
            <p14:sldId id="279"/>
            <p14:sldId id="280"/>
            <p14:sldId id="281"/>
            <p14:sldId id="282"/>
            <p14:sldId id="283"/>
            <p14:sldId id="284"/>
            <p14:sldId id="285"/>
            <p14:sldId id="258"/>
            <p14:sldId id="267"/>
            <p14:sldId id="268"/>
            <p14:sldId id="269"/>
            <p14:sldId id="287"/>
            <p14:sldId id="260"/>
          </p14:sldIdLst>
        </p14:section>
        <p14:section name="Advanced Usage" id="{0DFB689A-D333-4A68-865A-19B29A2DFA12}">
          <p14:sldIdLst>
            <p14:sldId id="265"/>
            <p14:sldId id="286"/>
            <p14:sldId id="292"/>
            <p14:sldId id="291"/>
            <p14:sldId id="294"/>
            <p14:sldId id="295"/>
            <p14:sldId id="297"/>
            <p14:sldId id="288"/>
            <p14:sldId id="298"/>
            <p14:sldId id="299"/>
            <p14:sldId id="301"/>
            <p14:sldId id="300"/>
            <p14:sldId id="303"/>
            <p14:sldId id="304"/>
            <p14:sldId id="305"/>
            <p14:sldId id="307"/>
            <p14:sldId id="306"/>
            <p14:sldId id="289"/>
            <p14:sldId id="290"/>
            <p14:sldId id="309"/>
            <p14:sldId id="308"/>
            <p14:sldId id="310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83D83"/>
    <a:srgbClr val="FDE3D7"/>
    <a:srgbClr val="FF0000"/>
    <a:srgbClr val="FFFFFF"/>
    <a:srgbClr val="C00000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>
        <p:scale>
          <a:sx n="125" d="100"/>
          <a:sy n="125" d="100"/>
        </p:scale>
        <p:origin x="1434" y="54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109" d="100"/>
          <a:sy n="109" d="100"/>
        </p:scale>
        <p:origin x="5232" y="10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notesMaster" Target="notesMasters/notesMaster1.xml"/><Relationship Id="rId50" Type="http://schemas.openxmlformats.org/officeDocument/2006/relationships/font" Target="fonts/font2.fntdata"/><Relationship Id="rId55" Type="http://schemas.openxmlformats.org/officeDocument/2006/relationships/font" Target="fonts/font7.fntdata"/><Relationship Id="rId63" Type="http://schemas.openxmlformats.org/officeDocument/2006/relationships/font" Target="fonts/font15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font" Target="fonts/font5.fntdata"/><Relationship Id="rId58" Type="http://schemas.openxmlformats.org/officeDocument/2006/relationships/font" Target="fonts/font10.fntdata"/><Relationship Id="rId66" Type="http://schemas.openxmlformats.org/officeDocument/2006/relationships/theme" Target="theme/theme1.xml"/><Relationship Id="rId5" Type="http://schemas.openxmlformats.org/officeDocument/2006/relationships/slide" Target="slides/slide4.xml"/><Relationship Id="rId61" Type="http://schemas.openxmlformats.org/officeDocument/2006/relationships/font" Target="fonts/font13.fntdata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handoutMaster" Target="handoutMasters/handoutMaster1.xml"/><Relationship Id="rId56" Type="http://schemas.openxmlformats.org/officeDocument/2006/relationships/font" Target="fonts/font8.fntdata"/><Relationship Id="rId64" Type="http://schemas.openxmlformats.org/officeDocument/2006/relationships/presProps" Target="presProps.xml"/><Relationship Id="rId8" Type="http://schemas.openxmlformats.org/officeDocument/2006/relationships/slide" Target="slides/slide7.xml"/><Relationship Id="rId51" Type="http://schemas.openxmlformats.org/officeDocument/2006/relationships/font" Target="fonts/font3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font" Target="fonts/font11.fntdata"/><Relationship Id="rId67" Type="http://schemas.openxmlformats.org/officeDocument/2006/relationships/tableStyles" Target="tableStyles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font" Target="fonts/font6.fntdata"/><Relationship Id="rId62" Type="http://schemas.openxmlformats.org/officeDocument/2006/relationships/font" Target="fonts/font14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1.fntdata"/><Relationship Id="rId57" Type="http://schemas.openxmlformats.org/officeDocument/2006/relationships/font" Target="fonts/font9.fntdata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font" Target="fonts/font4.fntdata"/><Relationship Id="rId60" Type="http://schemas.openxmlformats.org/officeDocument/2006/relationships/font" Target="fonts/font12.fntdata"/><Relationship Id="rId65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24F9ABC-E702-6602-E823-CA44D0DC327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9D909708-354D-C979-DD0B-07102FEB3D4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5F88B833-E5CF-A6DE-E1F5-CD92B98CAF1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B2762FB4-F939-83C3-A843-9157B205CE6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89828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5D642A2-CD0C-4DA8-1021-E76F244634E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047A09BC-3CFB-B6C7-AFE3-2C572110FC3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E6E9AC48-C5EF-0CDF-926A-4FC82E6A4F6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3AB2C2B-69EB-230D-90C6-CE06C925938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77714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0AD1A5D-93E6-D72E-4B47-BE5A8D54EE0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74DD79A8-2925-7C73-17ED-F99152E8B84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179E7579-2EC3-4DDD-EFFA-E5B435D9ACC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BE6FF89B-D6E5-4C55-04E3-1A8ADA3E646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804792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F25361E-C106-EC57-50E1-B93F2FD51DC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152B184F-7C74-B5AB-C080-994D918886B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08289C61-931C-1EBA-C0DF-2C373F40C4E2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1579860-910C-EDC4-E2E5-96D4C7A8ABA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861925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November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2638028" y="5997600"/>
            <a:ext cx="3325145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: </a:t>
            </a:r>
            <a:r>
              <a:rPr lang="en-GB" sz="700" b="1" cap="all" baseline="0" dirty="0">
                <a:solidFill>
                  <a:schemeClr val="bg1"/>
                </a:solidFill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mgcv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 as a general framework for (most) Generalized Models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ger Svenning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November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2638028" y="5997600"/>
            <a:ext cx="3325145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: </a:t>
            </a:r>
            <a:r>
              <a:rPr lang="en-GB" sz="700" b="1" cap="all" baseline="0" dirty="0">
                <a:solidFill>
                  <a:schemeClr val="bg1"/>
                </a:solidFill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mgcv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 as a general framework for (most) Generalized Models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ger Svenning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Nov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2854052" y="5997600"/>
            <a:ext cx="3109121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: </a:t>
            </a:r>
            <a:r>
              <a:rPr lang="en-GB" sz="700" b="1" cap="all" baseline="0" dirty="0">
                <a:solidFill>
                  <a:schemeClr val="bg1"/>
                </a:solidFill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mgcv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 as a general framework for (most) Generalized Models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ger Svenning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 dirty="0"/>
              <a:t>28/11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2638028" y="5997600"/>
            <a:ext cx="3325145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R: </a:t>
            </a:r>
            <a:r>
              <a:rPr lang="en-GB" sz="700" b="1" cap="all" baseline="0" dirty="0">
                <a:solidFill>
                  <a:schemeClr val="tx1"/>
                </a:solidFill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mgcv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 as a general framework for (most) Generalized Models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ger Svenning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9 Nov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9942" y="5997600"/>
            <a:ext cx="104992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8/11/2024</a:t>
            </a:fld>
            <a:r>
              <a:rPr lang="en-GB"/>
              <a:t>28/11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image" Target="../media/image36.png"/><Relationship Id="rId7" Type="http://schemas.openxmlformats.org/officeDocument/2006/relationships/image" Target="../media/image40.png"/><Relationship Id="rId2" Type="http://schemas.openxmlformats.org/officeDocument/2006/relationships/image" Target="../media/image35.jpe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39.png"/><Relationship Id="rId5" Type="http://schemas.openxmlformats.org/officeDocument/2006/relationships/image" Target="../media/image38.png"/><Relationship Id="rId4" Type="http://schemas.openxmlformats.org/officeDocument/2006/relationships/image" Target="../media/image37.png"/><Relationship Id="rId9" Type="http://schemas.openxmlformats.org/officeDocument/2006/relationships/image" Target="../media/image42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image" Target="../media/image4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sv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48.png"/><Relationship Id="rId4" Type="http://schemas.openxmlformats.org/officeDocument/2006/relationships/image" Target="../media/image47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49.png"/><Relationship Id="rId4" Type="http://schemas.openxmlformats.org/officeDocument/2006/relationships/image" Target="../media/image47.png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7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8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7" Type="http://schemas.openxmlformats.org/officeDocument/2006/relationships/image" Target="../media/image55.pn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54.png"/><Relationship Id="rId5" Type="http://schemas.openxmlformats.org/officeDocument/2006/relationships/image" Target="../media/image53.png"/><Relationship Id="rId4" Type="http://schemas.openxmlformats.org/officeDocument/2006/relationships/image" Target="../media/image52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7" Type="http://schemas.openxmlformats.org/officeDocument/2006/relationships/image" Target="../media/image61.png"/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60.png"/><Relationship Id="rId5" Type="http://schemas.openxmlformats.org/officeDocument/2006/relationships/image" Target="../media/image59.png"/><Relationship Id="rId4" Type="http://schemas.openxmlformats.org/officeDocument/2006/relationships/image" Target="../media/image58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7" Type="http://schemas.openxmlformats.org/officeDocument/2006/relationships/image" Target="../media/image66.png"/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65.png"/><Relationship Id="rId5" Type="http://schemas.openxmlformats.org/officeDocument/2006/relationships/image" Target="../media/image59.png"/><Relationship Id="rId4" Type="http://schemas.openxmlformats.org/officeDocument/2006/relationships/image" Target="../media/image64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7" Type="http://schemas.openxmlformats.org/officeDocument/2006/relationships/image" Target="../media/image72.png"/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71.png"/><Relationship Id="rId5" Type="http://schemas.openxmlformats.org/officeDocument/2006/relationships/image" Target="../media/image70.png"/><Relationship Id="rId4" Type="http://schemas.openxmlformats.org/officeDocument/2006/relationships/image" Target="../media/image69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7" Type="http://schemas.openxmlformats.org/officeDocument/2006/relationships/image" Target="../media/image20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7" Type="http://schemas.openxmlformats.org/officeDocument/2006/relationships/image" Target="../media/image78.png"/><Relationship Id="rId2" Type="http://schemas.openxmlformats.org/officeDocument/2006/relationships/image" Target="../media/image73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77.png"/><Relationship Id="rId5" Type="http://schemas.openxmlformats.org/officeDocument/2006/relationships/image" Target="../media/image76.png"/><Relationship Id="rId4" Type="http://schemas.openxmlformats.org/officeDocument/2006/relationships/image" Target="../media/image75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png"/><Relationship Id="rId2" Type="http://schemas.openxmlformats.org/officeDocument/2006/relationships/image" Target="../media/image79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81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7" Type="http://schemas.openxmlformats.org/officeDocument/2006/relationships/image" Target="../media/image86.png"/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85.png"/><Relationship Id="rId5" Type="http://schemas.openxmlformats.org/officeDocument/2006/relationships/image" Target="../media/image84.png"/><Relationship Id="rId4" Type="http://schemas.openxmlformats.org/officeDocument/2006/relationships/image" Target="../media/image83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8.png"/><Relationship Id="rId7" Type="http://schemas.openxmlformats.org/officeDocument/2006/relationships/image" Target="../media/image92.png"/><Relationship Id="rId2" Type="http://schemas.openxmlformats.org/officeDocument/2006/relationships/image" Target="../media/image87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91.png"/><Relationship Id="rId5" Type="http://schemas.openxmlformats.org/officeDocument/2006/relationships/image" Target="../media/image90.png"/><Relationship Id="rId4" Type="http://schemas.openxmlformats.org/officeDocument/2006/relationships/image" Target="../media/image89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4.png"/><Relationship Id="rId2" Type="http://schemas.openxmlformats.org/officeDocument/2006/relationships/image" Target="../media/image93.png"/><Relationship Id="rId1" Type="http://schemas.openxmlformats.org/officeDocument/2006/relationships/slideLayout" Target="../slideLayouts/slideLayout17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6.png"/><Relationship Id="rId7" Type="http://schemas.openxmlformats.org/officeDocument/2006/relationships/image" Target="../media/image100.png"/><Relationship Id="rId2" Type="http://schemas.openxmlformats.org/officeDocument/2006/relationships/image" Target="../media/image95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99.png"/><Relationship Id="rId5" Type="http://schemas.openxmlformats.org/officeDocument/2006/relationships/image" Target="../media/image98.png"/><Relationship Id="rId4" Type="http://schemas.openxmlformats.org/officeDocument/2006/relationships/image" Target="../media/image97.pn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1.png"/><Relationship Id="rId1" Type="http://schemas.openxmlformats.org/officeDocument/2006/relationships/slideLayout" Target="../slideLayouts/slideLayout17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png"/><Relationship Id="rId7" Type="http://schemas.openxmlformats.org/officeDocument/2006/relationships/image" Target="../media/image107.png"/><Relationship Id="rId2" Type="http://schemas.openxmlformats.org/officeDocument/2006/relationships/image" Target="../media/image102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06.png"/><Relationship Id="rId5" Type="http://schemas.openxmlformats.org/officeDocument/2006/relationships/image" Target="../media/image105.png"/><Relationship Id="rId4" Type="http://schemas.openxmlformats.org/officeDocument/2006/relationships/image" Target="../media/image104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9.png"/><Relationship Id="rId7" Type="http://schemas.openxmlformats.org/officeDocument/2006/relationships/image" Target="../media/image113.png"/><Relationship Id="rId2" Type="http://schemas.openxmlformats.org/officeDocument/2006/relationships/image" Target="../media/image108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12.png"/><Relationship Id="rId5" Type="http://schemas.openxmlformats.org/officeDocument/2006/relationships/image" Target="../media/image111.png"/><Relationship Id="rId4" Type="http://schemas.openxmlformats.org/officeDocument/2006/relationships/image" Target="../media/image110.pn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5.png"/><Relationship Id="rId2" Type="http://schemas.openxmlformats.org/officeDocument/2006/relationships/image" Target="../media/image114.png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5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6.png"/><Relationship Id="rId1" Type="http://schemas.openxmlformats.org/officeDocument/2006/relationships/slideLayout" Target="../slideLayouts/slideLayout17.xml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8.png"/><Relationship Id="rId2" Type="http://schemas.openxmlformats.org/officeDocument/2006/relationships/image" Target="../media/image117.png"/><Relationship Id="rId1" Type="http://schemas.openxmlformats.org/officeDocument/2006/relationships/slideLayout" Target="../slideLayouts/slideLayout4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8.png"/><Relationship Id="rId2" Type="http://schemas.openxmlformats.org/officeDocument/2006/relationships/image" Target="../media/image117.png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120.png"/><Relationship Id="rId4" Type="http://schemas.openxmlformats.org/officeDocument/2006/relationships/image" Target="../media/image119.pn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2.png"/><Relationship Id="rId2" Type="http://schemas.openxmlformats.org/officeDocument/2006/relationships/image" Target="../media/image121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124.png"/><Relationship Id="rId4" Type="http://schemas.openxmlformats.org/officeDocument/2006/relationships/image" Target="../media/image123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10.svg"/><Relationship Id="rId4" Type="http://schemas.openxmlformats.org/officeDocument/2006/relationships/image" Target="../media/image9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4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4" Type="http://schemas.openxmlformats.org/officeDocument/2006/relationships/image" Target="../media/image32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1309FA0-9DE4-6CD3-478E-F7AC92C1EEB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DB43205-1261-4792-E94B-EB735B71502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GB" dirty="0"/>
              <a:t>Introduct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4C0D42A-1C56-9564-B169-B1596EDF989E}"/>
              </a:ext>
            </a:extLst>
          </p:cNvPr>
          <p:cNvSpPr txBox="1"/>
          <p:nvPr/>
        </p:nvSpPr>
        <p:spPr>
          <a:xfrm>
            <a:off x="978907" y="3547232"/>
            <a:ext cx="6188694" cy="58477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+mn-lt"/>
              </a:rPr>
              <a:t>MGCV Skill training Ses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7511313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1E0390-96A3-D4C3-C7E3-0F76F1B465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A GAM and MGCV?!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865308B-346B-09A8-645E-5A04D9BE11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EC85ABE-4FE8-412A-9DF7-F662F829C9DC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301E364A-1C89-349F-8742-184D4AC79F61}"/>
              </a:ext>
            </a:extLst>
          </p:cNvPr>
          <p:cNvGrpSpPr/>
          <p:nvPr/>
        </p:nvGrpSpPr>
        <p:grpSpPr>
          <a:xfrm>
            <a:off x="4527300" y="1835373"/>
            <a:ext cx="3134224" cy="4112501"/>
            <a:chOff x="8254652" y="1700808"/>
            <a:chExt cx="3057804" cy="4077072"/>
          </a:xfrm>
        </p:grpSpPr>
        <p:pic>
          <p:nvPicPr>
            <p:cNvPr id="6146" name="Picture 2" descr="Scooby doo mask reveal Meme Generator - Imgflip">
              <a:extLst>
                <a:ext uri="{FF2B5EF4-FFF2-40B4-BE49-F238E27FC236}">
                  <a16:creationId xmlns:a16="http://schemas.microsoft.com/office/drawing/2014/main" id="{8E2FE2EB-63CB-6DE8-8E06-2497CF9F9DF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254652" y="1700808"/>
              <a:ext cx="3057804" cy="40770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50BB85AC-5EB7-A1F3-0979-E78951246CF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 l="2147" t="6295" r="48819" b="5187"/>
            <a:stretch/>
          </p:blipFill>
          <p:spPr>
            <a:xfrm>
              <a:off x="8429448" y="4149080"/>
              <a:ext cx="1049341" cy="923991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67FB8D2F-A7B2-BC73-9724-B20C4B80D75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 l="50785" t="6552" r="181" b="4930"/>
            <a:stretch/>
          </p:blipFill>
          <p:spPr>
            <a:xfrm>
              <a:off x="8429448" y="2060847"/>
              <a:ext cx="1049341" cy="923991"/>
            </a:xfrm>
            <a:prstGeom prst="rect">
              <a:avLst/>
            </a:prstGeom>
          </p:spPr>
        </p:pic>
      </p:grpSp>
      <p:grpSp>
        <p:nvGrpSpPr>
          <p:cNvPr id="45" name="Group 44">
            <a:extLst>
              <a:ext uri="{FF2B5EF4-FFF2-40B4-BE49-F238E27FC236}">
                <a16:creationId xmlns:a16="http://schemas.microsoft.com/office/drawing/2014/main" id="{A6830877-C570-BE7F-A893-311021057967}"/>
              </a:ext>
            </a:extLst>
          </p:cNvPr>
          <p:cNvGrpSpPr/>
          <p:nvPr/>
        </p:nvGrpSpPr>
        <p:grpSpPr>
          <a:xfrm>
            <a:off x="117748" y="2908307"/>
            <a:ext cx="4217183" cy="304699"/>
            <a:chOff x="981377" y="2715695"/>
            <a:chExt cx="4293507" cy="310214"/>
          </a:xfrm>
        </p:grpSpPr>
        <p:pic>
          <p:nvPicPr>
            <p:cNvPr id="22" name="Picture 21">
              <a:extLst>
                <a:ext uri="{FF2B5EF4-FFF2-40B4-BE49-F238E27FC236}">
                  <a16:creationId xmlns:a16="http://schemas.microsoft.com/office/drawing/2014/main" id="{C3281391-87EF-4C08-021E-4F3969CFE7E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 l="1087" t="1" r="1061" b="10709"/>
            <a:stretch/>
          </p:blipFill>
          <p:spPr>
            <a:xfrm>
              <a:off x="2217358" y="2758820"/>
              <a:ext cx="3057526" cy="229666"/>
            </a:xfrm>
            <a:prstGeom prst="rect">
              <a:avLst/>
            </a:prstGeom>
          </p:spPr>
        </p:pic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4C2CCC7C-B5E5-7BF9-A285-3EA162372F38}"/>
                </a:ext>
              </a:extLst>
            </p:cNvPr>
            <p:cNvSpPr txBox="1"/>
            <p:nvPr/>
          </p:nvSpPr>
          <p:spPr>
            <a:xfrm>
              <a:off x="981377" y="2715695"/>
              <a:ext cx="720547" cy="31021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R="0" lvl="0" algn="l" defTabSz="914400" rtl="0" eaLnBrk="1" fontAlgn="base" latinLnBrk="0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tabLst/>
                <a:defRPr/>
              </a:pPr>
              <a:r>
                <a:rPr kumimoji="0" lang="en-US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0xProto Nerd Font" panose="02000009000000000000" pitchFamily="50" charset="0"/>
                  <a:cs typeface="0xProto Nerd Font" panose="02000009000000000000" pitchFamily="50" charset="0"/>
                </a:rPr>
                <a:t> </a:t>
              </a:r>
              <a:r>
                <a:rPr kumimoji="0" lang="en-US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U Passata"/>
                  <a:ea typeface="+mn-ea"/>
                  <a:cs typeface="+mn-cs"/>
                </a:rPr>
                <a:t>LM</a:t>
              </a:r>
            </a:p>
          </p:txBody>
        </p:sp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CBB907EF-140E-0D04-691D-F317F99210F6}"/>
              </a:ext>
            </a:extLst>
          </p:cNvPr>
          <p:cNvGrpSpPr/>
          <p:nvPr/>
        </p:nvGrpSpPr>
        <p:grpSpPr>
          <a:xfrm>
            <a:off x="119033" y="3324532"/>
            <a:ext cx="6577659" cy="304699"/>
            <a:chOff x="982662" y="3131921"/>
            <a:chExt cx="6696703" cy="310213"/>
          </a:xfrm>
        </p:grpSpPr>
        <p:pic>
          <p:nvPicPr>
            <p:cNvPr id="24" name="Picture 23">
              <a:extLst>
                <a:ext uri="{FF2B5EF4-FFF2-40B4-BE49-F238E27FC236}">
                  <a16:creationId xmlns:a16="http://schemas.microsoft.com/office/drawing/2014/main" id="{8118EF76-187B-BF7A-7964-08295CA5A47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rcRect l="315"/>
            <a:stretch/>
          </p:blipFill>
          <p:spPr>
            <a:xfrm>
              <a:off x="2209476" y="3183881"/>
              <a:ext cx="5469889" cy="219106"/>
            </a:xfrm>
            <a:prstGeom prst="rect">
              <a:avLst/>
            </a:prstGeom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C4646D76-3E5F-E424-5B22-4A9A54805CB3}"/>
                </a:ext>
              </a:extLst>
            </p:cNvPr>
            <p:cNvSpPr txBox="1"/>
            <p:nvPr/>
          </p:nvSpPr>
          <p:spPr>
            <a:xfrm>
              <a:off x="982662" y="3131921"/>
              <a:ext cx="1160116" cy="31021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R="0" lvl="0" algn="l" defTabSz="914400" rtl="0" eaLnBrk="1" fontAlgn="base" latinLnBrk="0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tabLst/>
                <a:defRPr/>
              </a:pPr>
              <a:r>
                <a:rPr kumimoji="0" lang="en-US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0xProto Nerd Font" panose="02000009000000000000" pitchFamily="50" charset="0"/>
                  <a:cs typeface="0xProto Nerd Font" panose="02000009000000000000" pitchFamily="50" charset="0"/>
                </a:rPr>
                <a:t> </a:t>
              </a:r>
              <a:r>
                <a:rPr lang="en-US" sz="2000" kern="0" dirty="0">
                  <a:solidFill>
                    <a:srgbClr val="000000"/>
                  </a:solidFill>
                  <a:latin typeface="AU Passata"/>
                </a:rPr>
                <a:t>LM</a:t>
              </a:r>
              <a:r>
                <a:rPr kumimoji="0" lang="en-US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U Passata"/>
                  <a:ea typeface="+mn-ea"/>
                  <a:cs typeface="+mn-cs"/>
                </a:rPr>
                <a:t>M	</a:t>
              </a:r>
            </a:p>
          </p:txBody>
        </p:sp>
      </p:grpSp>
      <p:grpSp>
        <p:nvGrpSpPr>
          <p:cNvPr id="43" name="Group 42">
            <a:extLst>
              <a:ext uri="{FF2B5EF4-FFF2-40B4-BE49-F238E27FC236}">
                <a16:creationId xmlns:a16="http://schemas.microsoft.com/office/drawing/2014/main" id="{9E0DF2E3-A478-2A99-EAE8-9118D0B18423}"/>
              </a:ext>
            </a:extLst>
          </p:cNvPr>
          <p:cNvGrpSpPr/>
          <p:nvPr/>
        </p:nvGrpSpPr>
        <p:grpSpPr>
          <a:xfrm>
            <a:off x="117748" y="3734575"/>
            <a:ext cx="6986267" cy="304699"/>
            <a:chOff x="981377" y="3541964"/>
            <a:chExt cx="7112706" cy="310213"/>
          </a:xfrm>
        </p:grpSpPr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D2C85B15-F40D-0806-C519-A80685830E50}"/>
                </a:ext>
              </a:extLst>
            </p:cNvPr>
            <p:cNvSpPr txBox="1"/>
            <p:nvPr/>
          </p:nvSpPr>
          <p:spPr>
            <a:xfrm>
              <a:off x="981377" y="3541964"/>
              <a:ext cx="1160116" cy="31021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R="0" lvl="0" algn="l" defTabSz="914400" rtl="0" eaLnBrk="1" fontAlgn="base" latinLnBrk="0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tabLst/>
                <a:defRPr/>
              </a:pPr>
              <a:r>
                <a:rPr kumimoji="0" lang="en-US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0xProto Nerd Font" panose="02000009000000000000" pitchFamily="50" charset="0"/>
                  <a:cs typeface="0xProto Nerd Font" panose="02000009000000000000" pitchFamily="50" charset="0"/>
                </a:rPr>
                <a:t> </a:t>
              </a:r>
              <a:r>
                <a:rPr lang="en-US" sz="2000" kern="0" dirty="0">
                  <a:solidFill>
                    <a:srgbClr val="000000"/>
                  </a:solidFill>
                  <a:latin typeface="AU Passata"/>
                </a:rPr>
                <a:t>GLM</a:t>
              </a:r>
              <a:endPara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pic>
          <p:nvPicPr>
            <p:cNvPr id="32" name="Picture 31">
              <a:extLst>
                <a:ext uri="{FF2B5EF4-FFF2-40B4-BE49-F238E27FC236}">
                  <a16:creationId xmlns:a16="http://schemas.microsoft.com/office/drawing/2014/main" id="{ACEBD8F8-598E-29ED-CB3D-468FDAB07EB9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rcRect l="293"/>
            <a:stretch/>
          </p:blipFill>
          <p:spPr>
            <a:xfrm>
              <a:off x="2214562" y="3598382"/>
              <a:ext cx="5879521" cy="209579"/>
            </a:xfrm>
            <a:prstGeom prst="rect">
              <a:avLst/>
            </a:prstGeom>
          </p:spPr>
        </p:pic>
      </p:grpSp>
      <p:grpSp>
        <p:nvGrpSpPr>
          <p:cNvPr id="42" name="Group 41">
            <a:extLst>
              <a:ext uri="{FF2B5EF4-FFF2-40B4-BE49-F238E27FC236}">
                <a16:creationId xmlns:a16="http://schemas.microsoft.com/office/drawing/2014/main" id="{BE24A5C3-EB64-BA07-46D2-D6FE60384D72}"/>
              </a:ext>
            </a:extLst>
          </p:cNvPr>
          <p:cNvGrpSpPr/>
          <p:nvPr/>
        </p:nvGrpSpPr>
        <p:grpSpPr>
          <a:xfrm>
            <a:off x="117748" y="4150801"/>
            <a:ext cx="8979198" cy="304699"/>
            <a:chOff x="981377" y="3958190"/>
            <a:chExt cx="9141706" cy="310213"/>
          </a:xfrm>
        </p:grpSpPr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40EE9AB0-0F67-E316-2597-962BBE33F6FF}"/>
                </a:ext>
              </a:extLst>
            </p:cNvPr>
            <p:cNvSpPr txBox="1"/>
            <p:nvPr/>
          </p:nvSpPr>
          <p:spPr>
            <a:xfrm>
              <a:off x="981377" y="3958190"/>
              <a:ext cx="1160116" cy="31021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R="0" lvl="0" algn="l" defTabSz="914400" rtl="0" eaLnBrk="1" fontAlgn="base" latinLnBrk="0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tabLst/>
                <a:defRPr/>
              </a:pPr>
              <a:r>
                <a:rPr kumimoji="0" lang="en-US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0xProto Nerd Font" panose="02000009000000000000" pitchFamily="50" charset="0"/>
                  <a:cs typeface="0xProto Nerd Font" panose="02000009000000000000" pitchFamily="50" charset="0"/>
                </a:rPr>
                <a:t> </a:t>
              </a:r>
              <a:r>
                <a:rPr lang="en-US" sz="2000" kern="0" dirty="0">
                  <a:solidFill>
                    <a:srgbClr val="000000"/>
                  </a:solidFill>
                  <a:latin typeface="AU Passata"/>
                </a:rPr>
                <a:t>GLM</a:t>
              </a:r>
              <a:r>
                <a:rPr kumimoji="0" lang="en-US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U Passata"/>
                  <a:ea typeface="+mn-ea"/>
                  <a:cs typeface="+mn-cs"/>
                </a:rPr>
                <a:t>M</a:t>
              </a:r>
            </a:p>
          </p:txBody>
        </p:sp>
        <p:pic>
          <p:nvPicPr>
            <p:cNvPr id="34" name="Picture 33">
              <a:extLst>
                <a:ext uri="{FF2B5EF4-FFF2-40B4-BE49-F238E27FC236}">
                  <a16:creationId xmlns:a16="http://schemas.microsoft.com/office/drawing/2014/main" id="{5D7AD27E-BF2E-46A7-65BE-DD31E43146AD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27"/>
            <a:stretch/>
          </p:blipFill>
          <p:spPr>
            <a:xfrm>
              <a:off x="2209476" y="4002037"/>
              <a:ext cx="7913607" cy="200053"/>
            </a:xfrm>
            <a:prstGeom prst="rect">
              <a:avLst/>
            </a:prstGeom>
          </p:spPr>
        </p:pic>
      </p:grpSp>
      <p:grpSp>
        <p:nvGrpSpPr>
          <p:cNvPr id="41" name="Group 40">
            <a:extLst>
              <a:ext uri="{FF2B5EF4-FFF2-40B4-BE49-F238E27FC236}">
                <a16:creationId xmlns:a16="http://schemas.microsoft.com/office/drawing/2014/main" id="{A85514B9-74E1-BFFE-745D-46A11EA40CDD}"/>
              </a:ext>
            </a:extLst>
          </p:cNvPr>
          <p:cNvGrpSpPr/>
          <p:nvPr/>
        </p:nvGrpSpPr>
        <p:grpSpPr>
          <a:xfrm>
            <a:off x="117748" y="4567027"/>
            <a:ext cx="6827864" cy="304699"/>
            <a:chOff x="981377" y="4374416"/>
            <a:chExt cx="6951436" cy="310213"/>
          </a:xfrm>
        </p:grpSpPr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0D02BB45-90C0-679B-ADD8-E544D63CC262}"/>
                </a:ext>
              </a:extLst>
            </p:cNvPr>
            <p:cNvSpPr txBox="1"/>
            <p:nvPr/>
          </p:nvSpPr>
          <p:spPr>
            <a:xfrm>
              <a:off x="981377" y="4374416"/>
              <a:ext cx="1160116" cy="31021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R="0" lvl="0" algn="l" defTabSz="914400" rtl="0" eaLnBrk="1" fontAlgn="base" latinLnBrk="0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tabLst/>
                <a:defRPr/>
              </a:pPr>
              <a:r>
                <a:rPr kumimoji="0" lang="en-US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0xProto Nerd Font" panose="02000009000000000000" pitchFamily="50" charset="0"/>
                  <a:cs typeface="0xProto Nerd Font" panose="02000009000000000000" pitchFamily="50" charset="0"/>
                </a:rPr>
                <a:t> </a:t>
              </a:r>
              <a:r>
                <a:rPr lang="en-US" sz="2000" kern="0" dirty="0">
                  <a:solidFill>
                    <a:srgbClr val="000000"/>
                  </a:solidFill>
                  <a:latin typeface="AU Passata"/>
                </a:rPr>
                <a:t>GAM</a:t>
              </a:r>
              <a:endPara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pic>
          <p:nvPicPr>
            <p:cNvPr id="37" name="Picture 36">
              <a:extLst>
                <a:ext uri="{FF2B5EF4-FFF2-40B4-BE49-F238E27FC236}">
                  <a16:creationId xmlns:a16="http://schemas.microsoft.com/office/drawing/2014/main" id="{B3C90EF2-A7D4-77B0-B79C-13561B85B7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rcRect l="201" r="-1"/>
            <a:stretch/>
          </p:blipFill>
          <p:spPr>
            <a:xfrm>
              <a:off x="2209476" y="4430031"/>
              <a:ext cx="5723337" cy="200053"/>
            </a:xfrm>
            <a:prstGeom prst="rect">
              <a:avLst/>
            </a:prstGeom>
          </p:spPr>
        </p:pic>
      </p:grpSp>
      <p:grpSp>
        <p:nvGrpSpPr>
          <p:cNvPr id="40" name="Group 39">
            <a:extLst>
              <a:ext uri="{FF2B5EF4-FFF2-40B4-BE49-F238E27FC236}">
                <a16:creationId xmlns:a16="http://schemas.microsoft.com/office/drawing/2014/main" id="{171B6D31-B916-1CF6-464E-3478B27221ED}"/>
              </a:ext>
            </a:extLst>
          </p:cNvPr>
          <p:cNvGrpSpPr/>
          <p:nvPr/>
        </p:nvGrpSpPr>
        <p:grpSpPr>
          <a:xfrm>
            <a:off x="117748" y="4983688"/>
            <a:ext cx="11953328" cy="304699"/>
            <a:chOff x="981377" y="4791077"/>
            <a:chExt cx="12169662" cy="310213"/>
          </a:xfrm>
        </p:grpSpPr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5586364E-4622-1B39-48A5-492D431AB6A6}"/>
                </a:ext>
              </a:extLst>
            </p:cNvPr>
            <p:cNvSpPr txBox="1"/>
            <p:nvPr/>
          </p:nvSpPr>
          <p:spPr>
            <a:xfrm>
              <a:off x="981377" y="4791077"/>
              <a:ext cx="1160116" cy="31021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R="0" lvl="0" algn="l" defTabSz="914400" rtl="0" eaLnBrk="1" fontAlgn="base" latinLnBrk="0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tabLst/>
                <a:defRPr/>
              </a:pPr>
              <a:r>
                <a:rPr kumimoji="0" lang="en-US" sz="20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0xProto Nerd Font" panose="02000009000000000000" pitchFamily="50" charset="0"/>
                  <a:cs typeface="0xProto Nerd Font" panose="02000009000000000000" pitchFamily="50" charset="0"/>
                </a:rPr>
                <a:t> </a:t>
              </a:r>
              <a:r>
                <a:rPr lang="en-US" sz="2000" kern="0" dirty="0">
                  <a:solidFill>
                    <a:srgbClr val="000000"/>
                  </a:solidFill>
                  <a:latin typeface="AU Passata"/>
                </a:rPr>
                <a:t>GAMM</a:t>
              </a:r>
              <a:endParaRPr kumimoji="0" lang="en-US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endParaRPr>
            </a:p>
          </p:txBody>
        </p:sp>
        <p:pic>
          <p:nvPicPr>
            <p:cNvPr id="39" name="Picture 38">
              <a:extLst>
                <a:ext uri="{FF2B5EF4-FFF2-40B4-BE49-F238E27FC236}">
                  <a16:creationId xmlns:a16="http://schemas.microsoft.com/office/drawing/2014/main" id="{D2E90B86-09BE-788C-DADF-2765AE545922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rcRect l="253"/>
            <a:stretch/>
          </p:blipFill>
          <p:spPr>
            <a:xfrm>
              <a:off x="2204461" y="4830721"/>
              <a:ext cx="10946578" cy="219106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3111574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5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2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5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25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25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25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25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EF8B568-FCD3-4DF7-D028-514E6F2AED3C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4A32D7B7-587D-4062-92E7-88119C15A55C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1C59BDD0-8873-2697-D1E3-18B6257D9FEB}"/>
              </a:ext>
            </a:extLst>
          </p:cNvPr>
          <p:cNvGrpSpPr/>
          <p:nvPr/>
        </p:nvGrpSpPr>
        <p:grpSpPr>
          <a:xfrm>
            <a:off x="3152673" y="166861"/>
            <a:ext cx="5883478" cy="5883478"/>
            <a:chOff x="1926694" y="2322024"/>
            <a:chExt cx="3672408" cy="3672408"/>
          </a:xfrm>
        </p:grpSpPr>
        <p:sp>
          <p:nvSpPr>
            <p:cNvPr id="10" name="Flowchart: Connector 9">
              <a:extLst>
                <a:ext uri="{FF2B5EF4-FFF2-40B4-BE49-F238E27FC236}">
                  <a16:creationId xmlns:a16="http://schemas.microsoft.com/office/drawing/2014/main" id="{D8F65557-24FE-FDC3-83DE-58C7C2AB8B21}"/>
                </a:ext>
              </a:extLst>
            </p:cNvPr>
            <p:cNvSpPr/>
            <p:nvPr/>
          </p:nvSpPr>
          <p:spPr bwMode="auto">
            <a:xfrm>
              <a:off x="1926694" y="2322024"/>
              <a:ext cx="3672408" cy="3672408"/>
            </a:xfrm>
            <a:prstGeom prst="flowChartConnector">
              <a:avLst/>
            </a:prstGeom>
            <a:solidFill>
              <a:schemeClr val="accent5">
                <a:alpha val="50000"/>
              </a:schemeClr>
            </a:solidFill>
            <a:ln w="28575">
              <a:solidFill>
                <a:schemeClr val="tx2">
                  <a:lumMod val="90000"/>
                  <a:lumOff val="10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" name="Flowchart: Connector 10">
              <a:extLst>
                <a:ext uri="{FF2B5EF4-FFF2-40B4-BE49-F238E27FC236}">
                  <a16:creationId xmlns:a16="http://schemas.microsoft.com/office/drawing/2014/main" id="{63DE1DE7-523D-42C9-5008-8885219A16AE}"/>
                </a:ext>
              </a:extLst>
            </p:cNvPr>
            <p:cNvSpPr/>
            <p:nvPr/>
          </p:nvSpPr>
          <p:spPr bwMode="auto">
            <a:xfrm>
              <a:off x="2166835" y="3727656"/>
              <a:ext cx="2022376" cy="2022376"/>
            </a:xfrm>
            <a:prstGeom prst="flowChartConnector">
              <a:avLst/>
            </a:prstGeom>
            <a:solidFill>
              <a:schemeClr val="accent5">
                <a:alpha val="50000"/>
              </a:schemeClr>
            </a:solidFill>
            <a:ln w="28575">
              <a:solidFill>
                <a:schemeClr val="tx2">
                  <a:lumMod val="90000"/>
                  <a:lumOff val="10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Flowchart: Connector 11">
              <a:extLst>
                <a:ext uri="{FF2B5EF4-FFF2-40B4-BE49-F238E27FC236}">
                  <a16:creationId xmlns:a16="http://schemas.microsoft.com/office/drawing/2014/main" id="{C4D428A1-E168-439F-35C2-0FBDB646CA86}"/>
                </a:ext>
              </a:extLst>
            </p:cNvPr>
            <p:cNvSpPr/>
            <p:nvPr/>
          </p:nvSpPr>
          <p:spPr bwMode="auto">
            <a:xfrm>
              <a:off x="3313431" y="3748492"/>
              <a:ext cx="2022376" cy="2022376"/>
            </a:xfrm>
            <a:prstGeom prst="flowChartConnector">
              <a:avLst/>
            </a:prstGeom>
            <a:solidFill>
              <a:schemeClr val="accent5">
                <a:alpha val="50000"/>
              </a:schemeClr>
            </a:solidFill>
            <a:ln w="28575">
              <a:solidFill>
                <a:schemeClr val="tx2">
                  <a:lumMod val="90000"/>
                  <a:lumOff val="10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Flowchart: Connector 12">
              <a:extLst>
                <a:ext uri="{FF2B5EF4-FFF2-40B4-BE49-F238E27FC236}">
                  <a16:creationId xmlns:a16="http://schemas.microsoft.com/office/drawing/2014/main" id="{F0D395A3-FB37-8607-3887-E90C37C4682A}"/>
                </a:ext>
              </a:extLst>
            </p:cNvPr>
            <p:cNvSpPr/>
            <p:nvPr/>
          </p:nvSpPr>
          <p:spPr bwMode="auto">
            <a:xfrm>
              <a:off x="2790790" y="2322024"/>
              <a:ext cx="2022376" cy="2022376"/>
            </a:xfrm>
            <a:prstGeom prst="flowChartConnector">
              <a:avLst/>
            </a:prstGeom>
            <a:solidFill>
              <a:schemeClr val="accent5">
                <a:alpha val="50000"/>
              </a:schemeClr>
            </a:solidFill>
            <a:ln w="28575">
              <a:solidFill>
                <a:schemeClr val="tx2">
                  <a:lumMod val="90000"/>
                  <a:lumOff val="10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8" name="TextBox 17">
            <a:extLst>
              <a:ext uri="{FF2B5EF4-FFF2-40B4-BE49-F238E27FC236}">
                <a16:creationId xmlns:a16="http://schemas.microsoft.com/office/drawing/2014/main" id="{3E980E4B-55A6-01A6-952D-71DC3F303CFB}"/>
              </a:ext>
            </a:extLst>
          </p:cNvPr>
          <p:cNvSpPr txBox="1"/>
          <p:nvPr/>
        </p:nvSpPr>
        <p:spPr>
          <a:xfrm>
            <a:off x="5633711" y="3072842"/>
            <a:ext cx="903064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800" b="1" dirty="0">
                <a:latin typeface="+mn-lt"/>
              </a:rPr>
              <a:t>MGCV</a:t>
            </a:r>
            <a:endParaRPr lang="da-DK" sz="1800" b="1" dirty="0">
              <a:latin typeface="+mn-lt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AE59592-D99D-F0AB-C3E7-0FD10056FABE}"/>
              </a:ext>
            </a:extLst>
          </p:cNvPr>
          <p:cNvSpPr txBox="1"/>
          <p:nvPr/>
        </p:nvSpPr>
        <p:spPr>
          <a:xfrm>
            <a:off x="5060062" y="1199208"/>
            <a:ext cx="896980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dirty="0">
                <a:latin typeface="+mn-lt"/>
              </a:rPr>
              <a:t>GAM</a:t>
            </a:r>
            <a:endParaRPr lang="da-DK" sz="2800" dirty="0"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6B96A874-E572-4C80-E511-279C3452A579}"/>
              </a:ext>
            </a:extLst>
          </p:cNvPr>
          <p:cNvSpPr txBox="1"/>
          <p:nvPr/>
        </p:nvSpPr>
        <p:spPr>
          <a:xfrm>
            <a:off x="6285810" y="1552674"/>
            <a:ext cx="1162443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dirty="0">
                <a:latin typeface="+mn-lt"/>
              </a:rPr>
              <a:t>GAMM</a:t>
            </a:r>
            <a:endParaRPr lang="da-DK" sz="2800" dirty="0">
              <a:latin typeface="+mn-lt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4D37CC43-2937-2301-8D7A-3CDE162DBEBD}"/>
              </a:ext>
            </a:extLst>
          </p:cNvPr>
          <p:cNvSpPr txBox="1"/>
          <p:nvPr/>
        </p:nvSpPr>
        <p:spPr>
          <a:xfrm>
            <a:off x="4019527" y="3322995"/>
            <a:ext cx="1162443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dirty="0">
                <a:latin typeface="+mn-lt"/>
              </a:rPr>
              <a:t>GLMM</a:t>
            </a:r>
            <a:endParaRPr lang="da-DK" sz="2800" dirty="0">
              <a:latin typeface="+mn-lt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A33CCC24-173B-3E54-B573-4E7CFFE4DB6A}"/>
              </a:ext>
            </a:extLst>
          </p:cNvPr>
          <p:cNvSpPr txBox="1"/>
          <p:nvPr/>
        </p:nvSpPr>
        <p:spPr>
          <a:xfrm>
            <a:off x="4328179" y="4370994"/>
            <a:ext cx="902138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dirty="0">
                <a:latin typeface="+mn-lt"/>
              </a:rPr>
              <a:t>LMM</a:t>
            </a:r>
            <a:endParaRPr lang="da-DK" sz="2800" dirty="0">
              <a:latin typeface="+mn-lt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CDD9257-29A5-78F3-BABE-79BFB21B2E2C}"/>
              </a:ext>
            </a:extLst>
          </p:cNvPr>
          <p:cNvSpPr txBox="1"/>
          <p:nvPr/>
        </p:nvSpPr>
        <p:spPr>
          <a:xfrm>
            <a:off x="7114644" y="3442057"/>
            <a:ext cx="1162443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dirty="0">
                <a:latin typeface="+mn-lt"/>
              </a:rPr>
              <a:t>GLM</a:t>
            </a:r>
            <a:endParaRPr lang="da-DK" sz="2800" dirty="0">
              <a:latin typeface="+mn-lt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586DC8CF-A154-8B83-5475-34167384AE15}"/>
              </a:ext>
            </a:extLst>
          </p:cNvPr>
          <p:cNvSpPr txBox="1"/>
          <p:nvPr/>
        </p:nvSpPr>
        <p:spPr>
          <a:xfrm>
            <a:off x="7162122" y="4642736"/>
            <a:ext cx="716410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dirty="0">
                <a:latin typeface="+mn-lt"/>
              </a:rPr>
              <a:t>LM</a:t>
            </a:r>
            <a:endParaRPr lang="da-DK" sz="28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1026954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2688E3-FDBD-1A17-13C6-A6029703B9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secting a </a:t>
            </a:r>
            <a:r>
              <a:rPr lang="en-US" dirty="0">
                <a:cs typeface="0xProto Nerd Font" panose="02000009000000000000" pitchFamily="50" charset="0"/>
              </a:rPr>
              <a:t>MGCV</a:t>
            </a:r>
            <a:r>
              <a:rPr lang="en-US" dirty="0"/>
              <a:t> GAM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22F6923-357F-748F-838C-532DF9978B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B44E03-48FE-4C27-ACE0-94BA524B67AA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368C6EF-11F1-FE04-8D92-B0B4162A8BFA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253"/>
          <a:stretch/>
        </p:blipFill>
        <p:spPr>
          <a:xfrm>
            <a:off x="837828" y="3861048"/>
            <a:ext cx="10751986" cy="21521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271D8125-0BFA-76D6-CA50-1786EFF4A4A7}"/>
              </a:ext>
            </a:extLst>
          </p:cNvPr>
          <p:cNvSpPr/>
          <p:nvPr/>
        </p:nvSpPr>
        <p:spPr bwMode="auto">
          <a:xfrm>
            <a:off x="1366838" y="3789041"/>
            <a:ext cx="10128174" cy="35922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485986A-1B3C-C0B6-51EC-7D76C888769C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163" r="63005" b="-1093"/>
          <a:stretch/>
        </p:blipFill>
        <p:spPr>
          <a:xfrm>
            <a:off x="1366838" y="3858697"/>
            <a:ext cx="3431430" cy="21756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3AAE2CEB-773D-DA6E-338B-8A39E61F35E0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37016" r="46973" b="-1645"/>
          <a:stretch/>
        </p:blipFill>
        <p:spPr>
          <a:xfrm>
            <a:off x="4798268" y="3861048"/>
            <a:ext cx="1725860" cy="21875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F113AC68-0740-D678-2649-0EAB1D3FEB00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3027" r="26264"/>
          <a:stretch/>
        </p:blipFill>
        <p:spPr>
          <a:xfrm>
            <a:off x="6526460" y="3857509"/>
            <a:ext cx="2232248" cy="21521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EC3D322-A088-3366-F329-B48232F4169E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73736" r="879"/>
          <a:stretch/>
        </p:blipFill>
        <p:spPr>
          <a:xfrm>
            <a:off x="8759874" y="3853970"/>
            <a:ext cx="2736304" cy="2152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851242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65DAF9F-D33B-26E1-F335-2A9F748D31D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96700F-2B84-CF2E-5AB3-7F4E6AC912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secting a </a:t>
            </a:r>
            <a:r>
              <a:rPr lang="en-US" dirty="0">
                <a:cs typeface="0xProto Nerd Font" panose="02000009000000000000" pitchFamily="50" charset="0"/>
              </a:rPr>
              <a:t>MGCV</a:t>
            </a:r>
            <a:r>
              <a:rPr lang="en-US" dirty="0"/>
              <a:t> GAM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78B766-1DB2-0D55-83EA-8485452E1A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B44E03-48FE-4C27-ACE0-94BA524B67AA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F103818-5272-67A5-238C-B4DB38EF0CD1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253"/>
          <a:stretch/>
        </p:blipFill>
        <p:spPr>
          <a:xfrm>
            <a:off x="837828" y="3861048"/>
            <a:ext cx="10751986" cy="21521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A8315AFB-2630-853A-93CC-DDF3D69AEA67}"/>
              </a:ext>
            </a:extLst>
          </p:cNvPr>
          <p:cNvSpPr/>
          <p:nvPr/>
        </p:nvSpPr>
        <p:spPr bwMode="auto">
          <a:xfrm>
            <a:off x="1366838" y="3789041"/>
            <a:ext cx="10128174" cy="35922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6DAF7B9-317F-50B4-4896-92F1717AAB92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163" r="63005" b="-1093"/>
          <a:stretch/>
        </p:blipFill>
        <p:spPr>
          <a:xfrm>
            <a:off x="1366838" y="2996952"/>
            <a:ext cx="3431430" cy="21756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A35D4F9-4407-34AC-4174-AF8E499AD276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37016" r="46973" b="-1645"/>
          <a:stretch/>
        </p:blipFill>
        <p:spPr>
          <a:xfrm>
            <a:off x="4798268" y="3861048"/>
            <a:ext cx="1725860" cy="21875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CFD0F9CC-E0CD-C95C-DA7F-49D796B9A715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3027" r="26264"/>
          <a:stretch/>
        </p:blipFill>
        <p:spPr>
          <a:xfrm>
            <a:off x="6526460" y="3857509"/>
            <a:ext cx="2232248" cy="21521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B26BE723-EDAA-8E60-B62A-726587DBA1C4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73736" r="879"/>
          <a:stretch/>
        </p:blipFill>
        <p:spPr>
          <a:xfrm>
            <a:off x="8759874" y="3853970"/>
            <a:ext cx="2736304" cy="21521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995AC46E-4083-21C5-8D4E-BC6FB155C296}"/>
              </a:ext>
            </a:extLst>
          </p:cNvPr>
          <p:cNvSpPr txBox="1"/>
          <p:nvPr/>
        </p:nvSpPr>
        <p:spPr>
          <a:xfrm>
            <a:off x="1341779" y="3824954"/>
            <a:ext cx="3481548" cy="259675"/>
          </a:xfrm>
          <a:prstGeom prst="roundRect">
            <a:avLst>
              <a:gd name="adj" fmla="val 50000"/>
            </a:avLst>
          </a:prstGeom>
          <a:solidFill>
            <a:schemeClr val="accent1">
              <a:lumMod val="10000"/>
              <a:lumOff val="90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Response ~ Predictors + Random effects</a:t>
            </a:r>
            <a:endParaRPr lang="da-DK" sz="1200" b="1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D57879C-21EE-F2E2-A296-825000E9E7E2}"/>
              </a:ext>
            </a:extLst>
          </p:cNvPr>
          <p:cNvCxnSpPr>
            <a:cxnSpLocks/>
            <a:stCxn id="14" idx="2"/>
          </p:cNvCxnSpPr>
          <p:nvPr/>
        </p:nvCxnSpPr>
        <p:spPr bwMode="auto">
          <a:xfrm>
            <a:off x="1701924" y="2384081"/>
            <a:ext cx="424532" cy="43770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1D2113AF-1177-F36A-3B2C-91A3AB42DAEB}"/>
              </a:ext>
            </a:extLst>
          </p:cNvPr>
          <p:cNvSpPr txBox="1"/>
          <p:nvPr/>
        </p:nvSpPr>
        <p:spPr>
          <a:xfrm>
            <a:off x="693812" y="2124407"/>
            <a:ext cx="2016224" cy="259674"/>
          </a:xfrm>
          <a:prstGeom prst="roundRect">
            <a:avLst>
              <a:gd name="adj" fmla="val 43566"/>
            </a:avLst>
          </a:prstGeom>
          <a:noFill/>
          <a:ln w="19050">
            <a:solidFill>
              <a:srgbClr val="183D83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11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s(…): </a:t>
            </a:r>
            <a:r>
              <a:rPr lang="en-US" sz="1100" dirty="0"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non-linear predictor(s)</a:t>
            </a:r>
            <a:endParaRPr lang="da-DK" sz="1100" dirty="0">
              <a:latin typeface="+mn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71C7DF72-9B2D-C216-77A6-EA247B4250C0}"/>
              </a:ext>
            </a:extLst>
          </p:cNvPr>
          <p:cNvSpPr txBox="1"/>
          <p:nvPr/>
        </p:nvSpPr>
        <p:spPr>
          <a:xfrm>
            <a:off x="3457090" y="1700808"/>
            <a:ext cx="2925354" cy="579585"/>
          </a:xfrm>
          <a:prstGeom prst="roundRect">
            <a:avLst>
              <a:gd name="adj" fmla="val 36112"/>
            </a:avLst>
          </a:prstGeom>
          <a:noFill/>
          <a:ln w="19050">
            <a:solidFill>
              <a:srgbClr val="183D83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11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Bs = “…”: </a:t>
            </a:r>
            <a:r>
              <a:rPr lang="en-US" sz="1100" dirty="0"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Which type of non-linear relationship? </a:t>
            </a:r>
            <a:r>
              <a:rPr lang="en-US" sz="11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re</a:t>
            </a:r>
            <a:r>
              <a:rPr lang="en-US" sz="1100" dirty="0"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 is the type the functions like random effects, but there are many more</a:t>
            </a:r>
            <a:endParaRPr lang="da-DK" sz="1100" dirty="0">
              <a:latin typeface="+mn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1B65B44D-75EA-CCBD-2540-7DAA45D6BE72}"/>
              </a:ext>
            </a:extLst>
          </p:cNvPr>
          <p:cNvCxnSpPr>
            <a:cxnSpLocks/>
            <a:stCxn id="23" idx="2"/>
          </p:cNvCxnSpPr>
          <p:nvPr/>
        </p:nvCxnSpPr>
        <p:spPr bwMode="auto">
          <a:xfrm flipH="1">
            <a:off x="3810000" y="2280393"/>
            <a:ext cx="1109767" cy="529482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8" name="Left Brace 27">
            <a:extLst>
              <a:ext uri="{FF2B5EF4-FFF2-40B4-BE49-F238E27FC236}">
                <a16:creationId xmlns:a16="http://schemas.microsoft.com/office/drawing/2014/main" id="{64BB4D69-0F80-9E53-F6B1-67B2B0E2DFCF}"/>
              </a:ext>
            </a:extLst>
          </p:cNvPr>
          <p:cNvSpPr/>
          <p:nvPr/>
        </p:nvSpPr>
        <p:spPr bwMode="auto">
          <a:xfrm rot="5400000">
            <a:off x="2065046" y="2672916"/>
            <a:ext cx="152305" cy="504056"/>
          </a:xfrm>
          <a:prstGeom prst="leftBrace">
            <a:avLst>
              <a:gd name="adj1" fmla="val 138957"/>
              <a:gd name="adj2" fmla="val 49826"/>
            </a:avLst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Left Brace 34">
            <a:extLst>
              <a:ext uri="{FF2B5EF4-FFF2-40B4-BE49-F238E27FC236}">
                <a16:creationId xmlns:a16="http://schemas.microsoft.com/office/drawing/2014/main" id="{80459809-B386-E4A6-258A-EE753FE41646}"/>
              </a:ext>
            </a:extLst>
          </p:cNvPr>
          <p:cNvSpPr/>
          <p:nvPr/>
        </p:nvSpPr>
        <p:spPr bwMode="auto">
          <a:xfrm rot="5400000">
            <a:off x="3718578" y="1952411"/>
            <a:ext cx="152306" cy="1926011"/>
          </a:xfrm>
          <a:prstGeom prst="leftBrace">
            <a:avLst>
              <a:gd name="adj1" fmla="val 138957"/>
              <a:gd name="adj2" fmla="val 49826"/>
            </a:avLst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60226805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spd="slow">
        <p159:morph option="byObject"/>
      </p:transition>
    </mc:Choice>
    <mc:Fallback>
      <p:transition spd="slow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4FC2F3D-7505-A51A-3134-15C344D9945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CB35D9-C208-59FF-1A95-068F259C67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secting a </a:t>
            </a:r>
            <a:r>
              <a:rPr lang="en-US" dirty="0">
                <a:cs typeface="0xProto Nerd Font" panose="02000009000000000000" pitchFamily="50" charset="0"/>
              </a:rPr>
              <a:t>MGCV</a:t>
            </a:r>
            <a:r>
              <a:rPr lang="en-US" dirty="0"/>
              <a:t> GAM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D0725D-949F-9C82-9752-C8284ECE1C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B44E03-48FE-4C27-ACE0-94BA524B67AA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D79406C-4163-5FAC-A930-D337E8322417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253"/>
          <a:stretch/>
        </p:blipFill>
        <p:spPr>
          <a:xfrm>
            <a:off x="837828" y="3861048"/>
            <a:ext cx="10751986" cy="21521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C8724B2C-77D7-7CF6-9145-1B9F4AB7ED46}"/>
              </a:ext>
            </a:extLst>
          </p:cNvPr>
          <p:cNvSpPr/>
          <p:nvPr/>
        </p:nvSpPr>
        <p:spPr bwMode="auto">
          <a:xfrm>
            <a:off x="1366838" y="3717033"/>
            <a:ext cx="10128174" cy="50324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11BC36A-9332-2C7F-5BC0-745EEE7CCFE5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163" r="63005" b="-1093"/>
          <a:stretch/>
        </p:blipFill>
        <p:spPr>
          <a:xfrm>
            <a:off x="1366838" y="2996952"/>
            <a:ext cx="3431430" cy="21756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5251D28-2AC1-C12E-AF0E-789691A98FB0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37016" r="46973" b="-1645"/>
          <a:stretch/>
        </p:blipFill>
        <p:spPr>
          <a:xfrm>
            <a:off x="4798268" y="4722418"/>
            <a:ext cx="1725860" cy="21875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E8D558F-B130-A1D9-CE77-EA2E81D18335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3027" r="26264"/>
          <a:stretch/>
        </p:blipFill>
        <p:spPr>
          <a:xfrm>
            <a:off x="6526460" y="3857509"/>
            <a:ext cx="2232248" cy="21521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24DD42F7-1263-A880-5F7A-D34045EF3684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73736" r="879"/>
          <a:stretch/>
        </p:blipFill>
        <p:spPr>
          <a:xfrm>
            <a:off x="8759874" y="3853970"/>
            <a:ext cx="2736304" cy="21521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3904C500-4886-9933-7244-5C904548127D}"/>
              </a:ext>
            </a:extLst>
          </p:cNvPr>
          <p:cNvSpPr txBox="1"/>
          <p:nvPr/>
        </p:nvSpPr>
        <p:spPr>
          <a:xfrm>
            <a:off x="1341779" y="3824954"/>
            <a:ext cx="3481548" cy="259675"/>
          </a:xfrm>
          <a:prstGeom prst="roundRect">
            <a:avLst>
              <a:gd name="adj" fmla="val 50000"/>
            </a:avLst>
          </a:prstGeom>
          <a:solidFill>
            <a:schemeClr val="accent1">
              <a:lumMod val="10000"/>
              <a:lumOff val="90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Response ~ Predictors + Random effects</a:t>
            </a:r>
            <a:endParaRPr lang="da-DK" sz="1200" b="1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4D25C98-3C29-1012-5326-7BDFB8FA1148}"/>
              </a:ext>
            </a:extLst>
          </p:cNvPr>
          <p:cNvSpPr txBox="1"/>
          <p:nvPr/>
        </p:nvSpPr>
        <p:spPr>
          <a:xfrm>
            <a:off x="4848386" y="3824954"/>
            <a:ext cx="1678074" cy="259675"/>
          </a:xfrm>
          <a:prstGeom prst="roundRect">
            <a:avLst>
              <a:gd name="adj" fmla="val 50000"/>
            </a:avLst>
          </a:prstGeom>
          <a:solidFill>
            <a:srgbClr val="FDE3D7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Modelling data</a:t>
            </a:r>
            <a:endParaRPr lang="da-DK" sz="1200" b="1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2082635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spd="slow">
        <p159:morph option="byObject"/>
      </p:transition>
    </mc:Choice>
    <mc:Fallback>
      <p:transition spd="slow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FD66698-0493-CD88-C1DB-2620A9D95F0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185E34-DBD9-F527-9B83-E5F1F10982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secting a </a:t>
            </a:r>
            <a:r>
              <a:rPr lang="en-US" dirty="0">
                <a:cs typeface="0xProto Nerd Font" panose="02000009000000000000" pitchFamily="50" charset="0"/>
              </a:rPr>
              <a:t>MGCV</a:t>
            </a:r>
            <a:r>
              <a:rPr lang="en-US" dirty="0"/>
              <a:t> GAM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F8F8CD-CA9C-C44B-3D10-38C8C7E143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B44E03-48FE-4C27-ACE0-94BA524B67AA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BB8034C-894A-693B-764B-0B1DED2743BC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253"/>
          <a:stretch/>
        </p:blipFill>
        <p:spPr>
          <a:xfrm>
            <a:off x="837828" y="3861048"/>
            <a:ext cx="10751986" cy="21521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DC3300D3-21BD-5B82-C635-89A82BAB58E4}"/>
              </a:ext>
            </a:extLst>
          </p:cNvPr>
          <p:cNvSpPr/>
          <p:nvPr/>
        </p:nvSpPr>
        <p:spPr bwMode="auto">
          <a:xfrm>
            <a:off x="1366838" y="3789041"/>
            <a:ext cx="10128174" cy="35922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D2A63E8-A04D-2FDF-91BA-607C44B8B12F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163" r="63005" b="-1093"/>
          <a:stretch/>
        </p:blipFill>
        <p:spPr>
          <a:xfrm>
            <a:off x="1366838" y="2996952"/>
            <a:ext cx="3431430" cy="21756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E4C5984-9418-4FB6-27F7-C5CD22BADC16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37016" r="46973" b="-1645"/>
          <a:stretch/>
        </p:blipFill>
        <p:spPr>
          <a:xfrm>
            <a:off x="4798268" y="4722418"/>
            <a:ext cx="1725860" cy="21875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D4AFE29-4AD8-6A9B-1F56-F12986CC9095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3027" r="26264"/>
          <a:stretch/>
        </p:blipFill>
        <p:spPr>
          <a:xfrm>
            <a:off x="6527626" y="2996952"/>
            <a:ext cx="2232248" cy="21521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2CED909A-F0BF-ABE9-CA90-29D449646067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73736" r="879"/>
          <a:stretch/>
        </p:blipFill>
        <p:spPr>
          <a:xfrm>
            <a:off x="8759874" y="3853970"/>
            <a:ext cx="2736304" cy="21521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E7D23380-C608-12DC-E580-D6A8252BD4F0}"/>
              </a:ext>
            </a:extLst>
          </p:cNvPr>
          <p:cNvSpPr txBox="1"/>
          <p:nvPr/>
        </p:nvSpPr>
        <p:spPr>
          <a:xfrm>
            <a:off x="1341779" y="3824954"/>
            <a:ext cx="3481548" cy="259675"/>
          </a:xfrm>
          <a:prstGeom prst="roundRect">
            <a:avLst>
              <a:gd name="adj" fmla="val 50000"/>
            </a:avLst>
          </a:prstGeom>
          <a:solidFill>
            <a:schemeClr val="accent1">
              <a:lumMod val="10000"/>
              <a:lumOff val="90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Response ~ Predictors + Random effects</a:t>
            </a:r>
            <a:endParaRPr lang="da-DK" sz="1200" b="1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54BF96C-010E-0787-47A5-5C26C9B30988}"/>
              </a:ext>
            </a:extLst>
          </p:cNvPr>
          <p:cNvSpPr txBox="1"/>
          <p:nvPr/>
        </p:nvSpPr>
        <p:spPr>
          <a:xfrm>
            <a:off x="4848386" y="3824954"/>
            <a:ext cx="1678074" cy="259675"/>
          </a:xfrm>
          <a:prstGeom prst="roundRect">
            <a:avLst>
              <a:gd name="adj" fmla="val 50000"/>
            </a:avLst>
          </a:prstGeom>
          <a:solidFill>
            <a:srgbClr val="FDE3D7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Modelling data</a:t>
            </a:r>
            <a:endParaRPr lang="da-DK" sz="1200" b="1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608AC2B0-D2B3-C540-AC59-7E634C5D471E}"/>
              </a:ext>
            </a:extLst>
          </p:cNvPr>
          <p:cNvSpPr txBox="1"/>
          <p:nvPr/>
        </p:nvSpPr>
        <p:spPr>
          <a:xfrm>
            <a:off x="6551518" y="3816893"/>
            <a:ext cx="2207189" cy="259675"/>
          </a:xfrm>
          <a:prstGeom prst="roundRect">
            <a:avLst>
              <a:gd name="adj" fmla="val 50000"/>
            </a:avLst>
          </a:prstGeom>
          <a:solidFill>
            <a:schemeClr val="accent1">
              <a:lumMod val="10000"/>
              <a:lumOff val="90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i="1" dirty="0">
                <a:solidFill>
                  <a:schemeClr val="tx1">
                    <a:lumMod val="65000"/>
                    <a:lumOff val="35000"/>
                  </a:schemeClr>
                </a:solidFill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(Estimation method)</a:t>
            </a:r>
            <a:endParaRPr lang="da-DK" sz="1200" b="1" i="1" dirty="0">
              <a:solidFill>
                <a:schemeClr val="tx1">
                  <a:lumMod val="65000"/>
                  <a:lumOff val="35000"/>
                </a:schemeClr>
              </a:solidFill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E636294C-BE9D-D1DB-DEE1-4639B5E24F83}"/>
              </a:ext>
            </a:extLst>
          </p:cNvPr>
          <p:cNvCxnSpPr>
            <a:cxnSpLocks/>
            <a:stCxn id="15" idx="2"/>
          </p:cNvCxnSpPr>
          <p:nvPr/>
        </p:nvCxnSpPr>
        <p:spPr bwMode="auto">
          <a:xfrm flipH="1">
            <a:off x="8398668" y="2227961"/>
            <a:ext cx="858586" cy="682879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5" name="TextBox 14">
            <a:extLst>
              <a:ext uri="{FF2B5EF4-FFF2-40B4-BE49-F238E27FC236}">
                <a16:creationId xmlns:a16="http://schemas.microsoft.com/office/drawing/2014/main" id="{005209DA-4950-40CB-E697-E254916D31D7}"/>
              </a:ext>
            </a:extLst>
          </p:cNvPr>
          <p:cNvSpPr txBox="1"/>
          <p:nvPr/>
        </p:nvSpPr>
        <p:spPr>
          <a:xfrm>
            <a:off x="7018330" y="1772816"/>
            <a:ext cx="4477848" cy="455145"/>
          </a:xfrm>
          <a:prstGeom prst="roundRect">
            <a:avLst>
              <a:gd name="adj" fmla="val 43566"/>
            </a:avLst>
          </a:prstGeom>
          <a:noFill/>
          <a:ln w="19050">
            <a:solidFill>
              <a:schemeClr val="accent4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11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method = “REML”: </a:t>
            </a:r>
            <a:r>
              <a:rPr lang="en-US" sz="1100" dirty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Technical detail, don’t worry about it. </a:t>
            </a:r>
          </a:p>
          <a:p>
            <a:pPr algn="ctr">
              <a:lnSpc>
                <a:spcPct val="95000"/>
              </a:lnSpc>
            </a:pPr>
            <a:r>
              <a:rPr lang="en-US" sz="1100" dirty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If using any </a:t>
            </a:r>
            <a:r>
              <a:rPr lang="en-US" sz="11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s(…)</a:t>
            </a:r>
            <a:r>
              <a:rPr lang="en-US" sz="1100" dirty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 terms, use “REML” otherwise simply omit `method`.</a:t>
            </a:r>
            <a:endParaRPr lang="da-DK" sz="1100" dirty="0">
              <a:solidFill>
                <a:schemeClr val="tx1">
                  <a:lumMod val="50000"/>
                  <a:lumOff val="50000"/>
                </a:schemeClr>
              </a:solidFill>
              <a:latin typeface="+mn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9512187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spd="slow">
        <p159:morph option="byObject"/>
      </p:transition>
    </mc:Choice>
    <mc:Fallback>
      <p:transition spd="slow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29DA0A7-59C0-647B-E7E9-528987ACEE8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186E1-C1CC-7534-324B-6A6FFB5FE4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secting a </a:t>
            </a:r>
            <a:r>
              <a:rPr lang="en-US" dirty="0">
                <a:cs typeface="0xProto Nerd Font" panose="02000009000000000000" pitchFamily="50" charset="0"/>
              </a:rPr>
              <a:t>MGCV</a:t>
            </a:r>
            <a:r>
              <a:rPr lang="en-US" dirty="0"/>
              <a:t> GAM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9ADCFC-0C23-B2C0-ABC2-AE38F4D4CD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B44E03-48FE-4C27-ACE0-94BA524B67AA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922C5E3-2411-FA06-FC3B-FF6454617B83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253"/>
          <a:stretch/>
        </p:blipFill>
        <p:spPr>
          <a:xfrm>
            <a:off x="837828" y="3861048"/>
            <a:ext cx="10751986" cy="21521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658A4E7D-BDE4-A11C-F2A9-BB4007B2B6AB}"/>
              </a:ext>
            </a:extLst>
          </p:cNvPr>
          <p:cNvSpPr/>
          <p:nvPr/>
        </p:nvSpPr>
        <p:spPr bwMode="auto">
          <a:xfrm>
            <a:off x="1366838" y="3717033"/>
            <a:ext cx="10128174" cy="50324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AC976DA-7ED5-7DFB-5C11-A4F175A65C61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163" r="63005" b="-1093"/>
          <a:stretch/>
        </p:blipFill>
        <p:spPr>
          <a:xfrm>
            <a:off x="1366838" y="2996952"/>
            <a:ext cx="3431430" cy="21756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7E5043C-73A9-15B8-CEFD-2BC80B8E7DB0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37016" r="46973" b="-1645"/>
          <a:stretch/>
        </p:blipFill>
        <p:spPr>
          <a:xfrm>
            <a:off x="4798268" y="4722418"/>
            <a:ext cx="1725860" cy="21875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498EF192-1E38-6DAB-EEBD-441D272EECF0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3027" r="26264"/>
          <a:stretch/>
        </p:blipFill>
        <p:spPr>
          <a:xfrm>
            <a:off x="6527626" y="2996952"/>
            <a:ext cx="2232248" cy="21521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BF51A3FE-5A71-8558-2B8D-6C29FE74CBD7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73736" r="879"/>
          <a:stretch/>
        </p:blipFill>
        <p:spPr>
          <a:xfrm>
            <a:off x="8758707" y="4722418"/>
            <a:ext cx="2736304" cy="21521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29CF1007-FBDE-D431-5BD0-BAE333D253B6}"/>
              </a:ext>
            </a:extLst>
          </p:cNvPr>
          <p:cNvSpPr txBox="1"/>
          <p:nvPr/>
        </p:nvSpPr>
        <p:spPr>
          <a:xfrm>
            <a:off x="1341779" y="3824954"/>
            <a:ext cx="3481548" cy="259675"/>
          </a:xfrm>
          <a:prstGeom prst="roundRect">
            <a:avLst>
              <a:gd name="adj" fmla="val 50000"/>
            </a:avLst>
          </a:prstGeom>
          <a:solidFill>
            <a:schemeClr val="accent1">
              <a:lumMod val="10000"/>
              <a:lumOff val="90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Response ~ Predictors + Random effects</a:t>
            </a:r>
            <a:endParaRPr lang="da-DK" sz="1200" b="1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C4F0C84-49B5-52F7-4FCC-4FEF5CC92168}"/>
              </a:ext>
            </a:extLst>
          </p:cNvPr>
          <p:cNvSpPr txBox="1"/>
          <p:nvPr/>
        </p:nvSpPr>
        <p:spPr>
          <a:xfrm>
            <a:off x="4848386" y="3824954"/>
            <a:ext cx="1678074" cy="259675"/>
          </a:xfrm>
          <a:prstGeom prst="roundRect">
            <a:avLst>
              <a:gd name="adj" fmla="val 50000"/>
            </a:avLst>
          </a:prstGeom>
          <a:solidFill>
            <a:srgbClr val="FDE3D7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Modelling data</a:t>
            </a:r>
            <a:endParaRPr lang="da-DK" sz="1200" b="1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93317871-50A0-5880-CFE4-F95C33874176}"/>
              </a:ext>
            </a:extLst>
          </p:cNvPr>
          <p:cNvSpPr txBox="1"/>
          <p:nvPr/>
        </p:nvSpPr>
        <p:spPr>
          <a:xfrm>
            <a:off x="6551518" y="3816893"/>
            <a:ext cx="2207189" cy="259675"/>
          </a:xfrm>
          <a:prstGeom prst="roundRect">
            <a:avLst>
              <a:gd name="adj" fmla="val 50000"/>
            </a:avLst>
          </a:prstGeom>
          <a:solidFill>
            <a:schemeClr val="accent1">
              <a:lumMod val="10000"/>
              <a:lumOff val="90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i="1" dirty="0">
                <a:solidFill>
                  <a:schemeClr val="tx1">
                    <a:lumMod val="65000"/>
                    <a:lumOff val="35000"/>
                  </a:schemeClr>
                </a:solidFill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(Estimation method)</a:t>
            </a:r>
            <a:endParaRPr lang="da-DK" sz="1200" b="1" i="1" dirty="0">
              <a:solidFill>
                <a:schemeClr val="tx1">
                  <a:lumMod val="65000"/>
                  <a:lumOff val="35000"/>
                </a:schemeClr>
              </a:solidFill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04DC5B0-3FC5-DBD1-D46A-11662BB95AC3}"/>
              </a:ext>
            </a:extLst>
          </p:cNvPr>
          <p:cNvSpPr txBox="1"/>
          <p:nvPr/>
        </p:nvSpPr>
        <p:spPr>
          <a:xfrm>
            <a:off x="8783764" y="3824954"/>
            <a:ext cx="2736303" cy="259675"/>
          </a:xfrm>
          <a:prstGeom prst="roundRect">
            <a:avLst>
              <a:gd name="adj" fmla="val 50000"/>
            </a:avLst>
          </a:prstGeom>
          <a:solidFill>
            <a:srgbClr val="FDE3D7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Response family (~type)</a:t>
            </a:r>
            <a:endParaRPr lang="da-DK" sz="1200" b="1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DC6503C7-CF1E-37D3-FEB4-48DAC0AEF1F9}"/>
              </a:ext>
            </a:extLst>
          </p:cNvPr>
          <p:cNvCxnSpPr>
            <a:cxnSpLocks/>
            <a:stCxn id="16" idx="0"/>
          </p:cNvCxnSpPr>
          <p:nvPr/>
        </p:nvCxnSpPr>
        <p:spPr bwMode="auto">
          <a:xfrm flipV="1">
            <a:off x="9010737" y="5013176"/>
            <a:ext cx="900099" cy="457576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F0D4D061-DE2C-107B-F6AB-B90D19D18D88}"/>
              </a:ext>
            </a:extLst>
          </p:cNvPr>
          <p:cNvSpPr txBox="1"/>
          <p:nvPr/>
        </p:nvSpPr>
        <p:spPr>
          <a:xfrm>
            <a:off x="7174533" y="5470752"/>
            <a:ext cx="3672407" cy="694552"/>
          </a:xfrm>
          <a:prstGeom prst="roundRect">
            <a:avLst>
              <a:gd name="adj" fmla="val 43566"/>
            </a:avLst>
          </a:prstGeom>
          <a:noFill/>
          <a:ln w="19050">
            <a:solidFill>
              <a:srgbClr val="183D83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11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family = “…”: </a:t>
            </a:r>
            <a:r>
              <a:rPr lang="en-US" sz="1100" dirty="0"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Relationship between response and predictor, as well as residual distribution. Like standard </a:t>
            </a:r>
            <a:r>
              <a:rPr lang="en-US" sz="1100" b="1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glm</a:t>
            </a:r>
            <a:r>
              <a:rPr lang="en-US" sz="1100" dirty="0"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, but much more powerful. </a:t>
            </a:r>
            <a:endParaRPr lang="da-DK" sz="1100" dirty="0">
              <a:latin typeface="+mn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56986453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spd="slow">
        <p159:morph option="byObject"/>
      </p:transition>
    </mc:Choice>
    <mc:Fallback>
      <p:transition spd="slow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307F7D7-C12B-E1DF-D7F1-2FD125BE80E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3BFF73-2F01-F9F9-1883-F7819370E3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secting a </a:t>
            </a:r>
            <a:r>
              <a:rPr lang="en-US" dirty="0">
                <a:cs typeface="0xProto Nerd Font" panose="02000009000000000000" pitchFamily="50" charset="0"/>
              </a:rPr>
              <a:t>MGCV</a:t>
            </a:r>
            <a:r>
              <a:rPr lang="en-US" dirty="0"/>
              <a:t> GAM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45938F8-E643-38CD-82CD-BCB94A91F1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B44E03-48FE-4C27-ACE0-94BA524B67AA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FDCCF59-2C58-9438-F7E7-A34D973109F3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253"/>
          <a:stretch/>
        </p:blipFill>
        <p:spPr>
          <a:xfrm>
            <a:off x="837828" y="3861048"/>
            <a:ext cx="10751986" cy="21521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AB84D8DE-DBEF-4D69-EDDC-AFFF143DB3A9}"/>
              </a:ext>
            </a:extLst>
          </p:cNvPr>
          <p:cNvSpPr/>
          <p:nvPr/>
        </p:nvSpPr>
        <p:spPr bwMode="auto">
          <a:xfrm>
            <a:off x="1366838" y="3717033"/>
            <a:ext cx="10128174" cy="50324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F5D2B6C-1B16-584C-20A7-FF221929A986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163" r="63005" b="-1093"/>
          <a:stretch/>
        </p:blipFill>
        <p:spPr>
          <a:xfrm>
            <a:off x="1366838" y="2996952"/>
            <a:ext cx="3431430" cy="21756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2EDA221-A5C5-A3F4-D47C-9D242F269F28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37016" r="46973" b="-1645"/>
          <a:stretch/>
        </p:blipFill>
        <p:spPr>
          <a:xfrm>
            <a:off x="4798268" y="4722418"/>
            <a:ext cx="1725860" cy="21875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F2DC23B9-07EC-B401-F5B3-4C9D08CD48FA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53027" r="26264"/>
          <a:stretch/>
        </p:blipFill>
        <p:spPr>
          <a:xfrm>
            <a:off x="6527626" y="2996952"/>
            <a:ext cx="2232248" cy="21521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D79C5246-99A8-35F4-2EFD-F16C59D134AF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73736" r="879"/>
          <a:stretch/>
        </p:blipFill>
        <p:spPr>
          <a:xfrm>
            <a:off x="8758707" y="4722418"/>
            <a:ext cx="2736304" cy="21521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992B6523-F87F-0D29-CFF5-E2519836FA33}"/>
              </a:ext>
            </a:extLst>
          </p:cNvPr>
          <p:cNvSpPr txBox="1"/>
          <p:nvPr/>
        </p:nvSpPr>
        <p:spPr>
          <a:xfrm>
            <a:off x="1341779" y="3824954"/>
            <a:ext cx="3481548" cy="259675"/>
          </a:xfrm>
          <a:prstGeom prst="roundRect">
            <a:avLst>
              <a:gd name="adj" fmla="val 50000"/>
            </a:avLst>
          </a:prstGeom>
          <a:solidFill>
            <a:schemeClr val="accent1">
              <a:lumMod val="10000"/>
              <a:lumOff val="90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Response ~ Predictors + Random effects</a:t>
            </a:r>
            <a:endParaRPr lang="da-DK" sz="1200" b="1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915DE4A-A6CC-72F8-1306-A4FEFA8C4328}"/>
              </a:ext>
            </a:extLst>
          </p:cNvPr>
          <p:cNvSpPr txBox="1"/>
          <p:nvPr/>
        </p:nvSpPr>
        <p:spPr>
          <a:xfrm>
            <a:off x="4848386" y="3824954"/>
            <a:ext cx="1678074" cy="259675"/>
          </a:xfrm>
          <a:prstGeom prst="roundRect">
            <a:avLst>
              <a:gd name="adj" fmla="val 50000"/>
            </a:avLst>
          </a:prstGeom>
          <a:solidFill>
            <a:srgbClr val="FDE3D7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Modelling data</a:t>
            </a:r>
            <a:endParaRPr lang="da-DK" sz="1200" b="1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41BA39B-AF2B-1AC8-5F2C-431374CBB304}"/>
              </a:ext>
            </a:extLst>
          </p:cNvPr>
          <p:cNvSpPr txBox="1"/>
          <p:nvPr/>
        </p:nvSpPr>
        <p:spPr>
          <a:xfrm>
            <a:off x="6551518" y="3816893"/>
            <a:ext cx="2207189" cy="259675"/>
          </a:xfrm>
          <a:prstGeom prst="roundRect">
            <a:avLst>
              <a:gd name="adj" fmla="val 50000"/>
            </a:avLst>
          </a:prstGeom>
          <a:solidFill>
            <a:schemeClr val="accent1">
              <a:lumMod val="10000"/>
              <a:lumOff val="90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i="1" dirty="0">
                <a:solidFill>
                  <a:schemeClr val="tx1">
                    <a:lumMod val="65000"/>
                    <a:lumOff val="35000"/>
                  </a:schemeClr>
                </a:solidFill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(Estimation method)</a:t>
            </a:r>
            <a:endParaRPr lang="da-DK" sz="1200" b="1" i="1" dirty="0">
              <a:solidFill>
                <a:schemeClr val="tx1">
                  <a:lumMod val="65000"/>
                  <a:lumOff val="35000"/>
                </a:schemeClr>
              </a:solidFill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E6E72132-9D50-A29B-5700-836462E0A205}"/>
              </a:ext>
            </a:extLst>
          </p:cNvPr>
          <p:cNvSpPr txBox="1"/>
          <p:nvPr/>
        </p:nvSpPr>
        <p:spPr>
          <a:xfrm>
            <a:off x="8783764" y="3824954"/>
            <a:ext cx="2736303" cy="259675"/>
          </a:xfrm>
          <a:prstGeom prst="roundRect">
            <a:avLst>
              <a:gd name="adj" fmla="val 50000"/>
            </a:avLst>
          </a:prstGeom>
          <a:solidFill>
            <a:srgbClr val="FDE3D7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2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Response family (~type)</a:t>
            </a:r>
            <a:endParaRPr lang="da-DK" sz="1200" b="1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3F328B79-0B2D-D797-6270-F33EC10EABBC}"/>
              </a:ext>
            </a:extLst>
          </p:cNvPr>
          <p:cNvCxnSpPr>
            <a:cxnSpLocks/>
            <a:stCxn id="16" idx="0"/>
          </p:cNvCxnSpPr>
          <p:nvPr/>
        </p:nvCxnSpPr>
        <p:spPr bwMode="auto">
          <a:xfrm flipV="1">
            <a:off x="9010737" y="5013176"/>
            <a:ext cx="900099" cy="457576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505D1729-DBF4-127E-9708-1B7FF8B2F390}"/>
              </a:ext>
            </a:extLst>
          </p:cNvPr>
          <p:cNvSpPr txBox="1"/>
          <p:nvPr/>
        </p:nvSpPr>
        <p:spPr>
          <a:xfrm>
            <a:off x="7174533" y="5470752"/>
            <a:ext cx="3672407" cy="694552"/>
          </a:xfrm>
          <a:prstGeom prst="roundRect">
            <a:avLst>
              <a:gd name="adj" fmla="val 43566"/>
            </a:avLst>
          </a:prstGeom>
          <a:noFill/>
          <a:ln w="19050">
            <a:solidFill>
              <a:srgbClr val="183D83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11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family = “…”: </a:t>
            </a:r>
            <a:r>
              <a:rPr lang="en-US" sz="1100" dirty="0"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Relationship between response and predictor, as well as residual distribution. Like standard </a:t>
            </a:r>
            <a:r>
              <a:rPr lang="en-US" sz="1100" b="1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glm</a:t>
            </a:r>
            <a:r>
              <a:rPr lang="en-US" sz="1100" dirty="0"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, but much more powerful. </a:t>
            </a:r>
            <a:endParaRPr lang="da-DK" sz="1100" dirty="0">
              <a:latin typeface="+mn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3F17B40A-F6A4-23AF-4C8F-9BFE7F1C71CE}"/>
              </a:ext>
            </a:extLst>
          </p:cNvPr>
          <p:cNvCxnSpPr>
            <a:cxnSpLocks/>
            <a:stCxn id="17" idx="2"/>
          </p:cNvCxnSpPr>
          <p:nvPr/>
        </p:nvCxnSpPr>
        <p:spPr bwMode="auto">
          <a:xfrm flipH="1">
            <a:off x="8398668" y="2227961"/>
            <a:ext cx="858586" cy="682879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E3D4C7C6-F013-6FD1-3898-00A246563065}"/>
              </a:ext>
            </a:extLst>
          </p:cNvPr>
          <p:cNvSpPr txBox="1"/>
          <p:nvPr/>
        </p:nvSpPr>
        <p:spPr>
          <a:xfrm>
            <a:off x="7018330" y="1772816"/>
            <a:ext cx="4477848" cy="455145"/>
          </a:xfrm>
          <a:prstGeom prst="roundRect">
            <a:avLst>
              <a:gd name="adj" fmla="val 43566"/>
            </a:avLst>
          </a:prstGeom>
          <a:noFill/>
          <a:ln w="19050">
            <a:solidFill>
              <a:schemeClr val="accent4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11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method = “REML”: </a:t>
            </a:r>
            <a:r>
              <a:rPr lang="en-US" sz="1100" dirty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Technical detail, don’t worry about it. </a:t>
            </a:r>
          </a:p>
          <a:p>
            <a:pPr algn="ctr">
              <a:lnSpc>
                <a:spcPct val="95000"/>
              </a:lnSpc>
            </a:pPr>
            <a:r>
              <a:rPr lang="en-US" sz="1100" dirty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If using any </a:t>
            </a:r>
            <a:r>
              <a:rPr lang="en-US" sz="11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s(…)</a:t>
            </a:r>
            <a:r>
              <a:rPr lang="en-US" sz="1100" dirty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 terms, use “REML” otherwise simply omit `method`.</a:t>
            </a:r>
            <a:endParaRPr lang="da-DK" sz="1100" dirty="0">
              <a:solidFill>
                <a:schemeClr val="tx1">
                  <a:lumMod val="50000"/>
                  <a:lumOff val="50000"/>
                </a:schemeClr>
              </a:solidFill>
              <a:latin typeface="+mn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82FBDD9F-C450-4889-B358-A099B326841F}"/>
              </a:ext>
            </a:extLst>
          </p:cNvPr>
          <p:cNvCxnSpPr>
            <a:cxnSpLocks/>
            <a:stCxn id="19" idx="2"/>
          </p:cNvCxnSpPr>
          <p:nvPr/>
        </p:nvCxnSpPr>
        <p:spPr bwMode="auto">
          <a:xfrm>
            <a:off x="1701924" y="2384081"/>
            <a:ext cx="424532" cy="43770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9" name="TextBox 18">
            <a:extLst>
              <a:ext uri="{FF2B5EF4-FFF2-40B4-BE49-F238E27FC236}">
                <a16:creationId xmlns:a16="http://schemas.microsoft.com/office/drawing/2014/main" id="{F98F4C69-9B1F-0850-01D9-853B98708641}"/>
              </a:ext>
            </a:extLst>
          </p:cNvPr>
          <p:cNvSpPr txBox="1"/>
          <p:nvPr/>
        </p:nvSpPr>
        <p:spPr>
          <a:xfrm>
            <a:off x="693812" y="2124407"/>
            <a:ext cx="2016224" cy="259674"/>
          </a:xfrm>
          <a:prstGeom prst="roundRect">
            <a:avLst>
              <a:gd name="adj" fmla="val 43566"/>
            </a:avLst>
          </a:prstGeom>
          <a:noFill/>
          <a:ln w="19050">
            <a:solidFill>
              <a:srgbClr val="183D83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11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s(…): </a:t>
            </a:r>
            <a:r>
              <a:rPr lang="en-US" sz="1100" dirty="0"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non-linear predictor(s)</a:t>
            </a:r>
            <a:endParaRPr lang="da-DK" sz="1100" dirty="0">
              <a:latin typeface="+mn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8CA966F0-A9CD-AC7A-6395-FFE989256DCA}"/>
              </a:ext>
            </a:extLst>
          </p:cNvPr>
          <p:cNvSpPr txBox="1"/>
          <p:nvPr/>
        </p:nvSpPr>
        <p:spPr>
          <a:xfrm>
            <a:off x="3457090" y="1700808"/>
            <a:ext cx="2925354" cy="579585"/>
          </a:xfrm>
          <a:prstGeom prst="roundRect">
            <a:avLst>
              <a:gd name="adj" fmla="val 36112"/>
            </a:avLst>
          </a:prstGeom>
          <a:noFill/>
          <a:ln w="19050">
            <a:solidFill>
              <a:srgbClr val="183D83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11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Bs = “…”: </a:t>
            </a:r>
            <a:r>
              <a:rPr lang="en-US" sz="1100" dirty="0"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Which type of non-linear relationship? </a:t>
            </a:r>
            <a:r>
              <a:rPr lang="en-US" sz="1100" b="1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re</a:t>
            </a:r>
            <a:r>
              <a:rPr lang="en-US" sz="1100" dirty="0">
                <a:latin typeface="+mn-lt"/>
                <a:ea typeface="Cascadia Code" panose="020B0609020000020004" pitchFamily="49" charset="0"/>
                <a:cs typeface="Cascadia Code" panose="020B0609020000020004" pitchFamily="49" charset="0"/>
              </a:rPr>
              <a:t> is the type the functions like random effects, but there are many more</a:t>
            </a:r>
            <a:endParaRPr lang="da-DK" sz="1100" dirty="0">
              <a:latin typeface="+mn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2D2AA409-7981-8E59-9365-2B1491C9988A}"/>
              </a:ext>
            </a:extLst>
          </p:cNvPr>
          <p:cNvCxnSpPr>
            <a:cxnSpLocks/>
            <a:stCxn id="20" idx="2"/>
          </p:cNvCxnSpPr>
          <p:nvPr/>
        </p:nvCxnSpPr>
        <p:spPr bwMode="auto">
          <a:xfrm flipH="1">
            <a:off x="3810000" y="2280393"/>
            <a:ext cx="1109767" cy="529482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2" name="Left Brace 21">
            <a:extLst>
              <a:ext uri="{FF2B5EF4-FFF2-40B4-BE49-F238E27FC236}">
                <a16:creationId xmlns:a16="http://schemas.microsoft.com/office/drawing/2014/main" id="{ABD05E7F-272C-7E43-83AE-1FBB7D99D7B8}"/>
              </a:ext>
            </a:extLst>
          </p:cNvPr>
          <p:cNvSpPr/>
          <p:nvPr/>
        </p:nvSpPr>
        <p:spPr bwMode="auto">
          <a:xfrm rot="5400000">
            <a:off x="2065046" y="2672916"/>
            <a:ext cx="152305" cy="504056"/>
          </a:xfrm>
          <a:prstGeom prst="leftBrace">
            <a:avLst>
              <a:gd name="adj1" fmla="val 138957"/>
              <a:gd name="adj2" fmla="val 49826"/>
            </a:avLst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Left Brace 22">
            <a:extLst>
              <a:ext uri="{FF2B5EF4-FFF2-40B4-BE49-F238E27FC236}">
                <a16:creationId xmlns:a16="http://schemas.microsoft.com/office/drawing/2014/main" id="{FC5B8C69-DD7B-1C72-AF37-587F087AF8D0}"/>
              </a:ext>
            </a:extLst>
          </p:cNvPr>
          <p:cNvSpPr/>
          <p:nvPr/>
        </p:nvSpPr>
        <p:spPr bwMode="auto">
          <a:xfrm rot="5400000">
            <a:off x="3718578" y="1952411"/>
            <a:ext cx="152306" cy="1926011"/>
          </a:xfrm>
          <a:prstGeom prst="leftBrace">
            <a:avLst>
              <a:gd name="adj1" fmla="val 138957"/>
              <a:gd name="adj2" fmla="val 49826"/>
            </a:avLst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65441628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spd="slow">
        <p159:morph option="byObject"/>
      </p:transition>
    </mc:Choice>
    <mc:Fallback>
      <p:transition spd="slow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18">
            <a:extLst>
              <a:ext uri="{FF2B5EF4-FFF2-40B4-BE49-F238E27FC236}">
                <a16:creationId xmlns:a16="http://schemas.microsoft.com/office/drawing/2014/main" id="{4795A1A6-1C51-D1C1-7D09-7809197D7C0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39612" y="2189202"/>
            <a:ext cx="5052606" cy="2815363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AA5972F6-0F6F-2A84-5961-0D2276EED69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6607" y="2189202"/>
            <a:ext cx="4842371" cy="3055659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DO I complete the tutorial?</a:t>
            </a:r>
          </a:p>
        </p:txBody>
      </p:sp>
      <p:sp>
        <p:nvSpPr>
          <p:cNvPr id="10" name="Arrow: Left-Right 9">
            <a:extLst>
              <a:ext uri="{FF2B5EF4-FFF2-40B4-BE49-F238E27FC236}">
                <a16:creationId xmlns:a16="http://schemas.microsoft.com/office/drawing/2014/main" id="{58F46F3C-E7E5-1257-C4A9-82CEEE939090}"/>
              </a:ext>
            </a:extLst>
          </p:cNvPr>
          <p:cNvSpPr/>
          <p:nvPr/>
        </p:nvSpPr>
        <p:spPr bwMode="auto">
          <a:xfrm>
            <a:off x="5516872" y="2919744"/>
            <a:ext cx="936104" cy="360040"/>
          </a:xfrm>
          <a:prstGeom prst="left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8C169F7A-ECD2-51AA-66F2-72FC8BEC49B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639612" y="2189202"/>
            <a:ext cx="5052606" cy="3050408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096540C6-DB00-C0C8-B0B5-0D2969DF1FF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96606" y="2189202"/>
            <a:ext cx="4838001" cy="3280650"/>
          </a:xfrm>
          <a:prstGeom prst="rect">
            <a:avLst/>
          </a:prstGeom>
        </p:spPr>
      </p:pic>
      <p:grpSp>
        <p:nvGrpSpPr>
          <p:cNvPr id="33" name="Group 32">
            <a:extLst>
              <a:ext uri="{FF2B5EF4-FFF2-40B4-BE49-F238E27FC236}">
                <a16:creationId xmlns:a16="http://schemas.microsoft.com/office/drawing/2014/main" id="{982E6D9F-7360-B9D0-B361-6C5B751EE414}"/>
              </a:ext>
            </a:extLst>
          </p:cNvPr>
          <p:cNvGrpSpPr/>
          <p:nvPr/>
        </p:nvGrpSpPr>
        <p:grpSpPr>
          <a:xfrm>
            <a:off x="2588939" y="3699745"/>
            <a:ext cx="5568699" cy="490518"/>
            <a:chOff x="2588939" y="3699745"/>
            <a:chExt cx="5568699" cy="490518"/>
          </a:xfrm>
        </p:grpSpPr>
        <p:sp>
          <p:nvSpPr>
            <p:cNvPr id="20" name="Oval 19">
              <a:extLst>
                <a:ext uri="{FF2B5EF4-FFF2-40B4-BE49-F238E27FC236}">
                  <a16:creationId xmlns:a16="http://schemas.microsoft.com/office/drawing/2014/main" id="{780620D6-AAD0-5F28-3BFE-6AF550217A83}"/>
                </a:ext>
              </a:extLst>
            </p:cNvPr>
            <p:cNvSpPr/>
            <p:nvPr/>
          </p:nvSpPr>
          <p:spPr bwMode="auto">
            <a:xfrm>
              <a:off x="2588939" y="3699745"/>
              <a:ext cx="658526" cy="265812"/>
            </a:xfrm>
            <a:prstGeom prst="ellipse">
              <a:avLst/>
            </a:prstGeom>
            <a:solidFill>
              <a:schemeClr val="accent3">
                <a:lumMod val="20000"/>
                <a:lumOff val="80000"/>
                <a:alpha val="25098"/>
              </a:schemeClr>
            </a:solidFill>
            <a:ln w="19050" cap="flat" cmpd="sng" algn="ctr">
              <a:solidFill>
                <a:schemeClr val="accent3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54DD6101-006E-4616-B9FC-B9CC9BEE40DF}"/>
                </a:ext>
              </a:extLst>
            </p:cNvPr>
            <p:cNvSpPr/>
            <p:nvPr/>
          </p:nvSpPr>
          <p:spPr bwMode="auto">
            <a:xfrm>
              <a:off x="7499112" y="3924451"/>
              <a:ext cx="658526" cy="265812"/>
            </a:xfrm>
            <a:prstGeom prst="ellipse">
              <a:avLst/>
            </a:prstGeom>
            <a:solidFill>
              <a:schemeClr val="accent3">
                <a:lumMod val="20000"/>
                <a:lumOff val="80000"/>
                <a:alpha val="25098"/>
              </a:schemeClr>
            </a:solidFill>
            <a:ln w="19050" cap="flat" cmpd="sng" algn="ctr">
              <a:solidFill>
                <a:schemeClr val="accent3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" name="Straight Arrow Connector 28">
              <a:extLst>
                <a:ext uri="{FF2B5EF4-FFF2-40B4-BE49-F238E27FC236}">
                  <a16:creationId xmlns:a16="http://schemas.microsoft.com/office/drawing/2014/main" id="{B83B91BF-C431-D707-4685-5580988456A7}"/>
                </a:ext>
              </a:extLst>
            </p:cNvPr>
            <p:cNvCxnSpPr>
              <a:stCxn id="20" idx="6"/>
              <a:endCxn id="22" idx="2"/>
            </p:cNvCxnSpPr>
            <p:nvPr/>
          </p:nvCxnSpPr>
          <p:spPr bwMode="auto">
            <a:xfrm>
              <a:off x="3247465" y="3832651"/>
              <a:ext cx="4251647" cy="224706"/>
            </a:xfrm>
            <a:prstGeom prst="straightConnector1">
              <a:avLst/>
            </a:prstGeom>
            <a:ln w="19050" cap="flat" cmpd="sng" algn="ctr">
              <a:solidFill>
                <a:schemeClr val="accent3"/>
              </a:solidFill>
              <a:prstDash val="solid"/>
              <a:round/>
              <a:headEnd type="none" w="med" len="med"/>
              <a:tailEnd type="arrow" w="med" len="med"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/>
            </a:fontRef>
          </p:style>
        </p:cxn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41EEC3DD-8AA4-27A1-54FD-7FEC35867086}"/>
              </a:ext>
            </a:extLst>
          </p:cNvPr>
          <p:cNvGrpSpPr/>
          <p:nvPr/>
        </p:nvGrpSpPr>
        <p:grpSpPr>
          <a:xfrm>
            <a:off x="3041690" y="4477318"/>
            <a:ext cx="5568698" cy="268037"/>
            <a:chOff x="3041690" y="4477318"/>
            <a:chExt cx="5568698" cy="268037"/>
          </a:xfrm>
        </p:grpSpPr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9043DE6B-7507-3133-12A6-C4F78DC03D4F}"/>
                </a:ext>
              </a:extLst>
            </p:cNvPr>
            <p:cNvSpPr/>
            <p:nvPr/>
          </p:nvSpPr>
          <p:spPr bwMode="auto">
            <a:xfrm>
              <a:off x="3041690" y="4479543"/>
              <a:ext cx="658526" cy="265812"/>
            </a:xfrm>
            <a:prstGeom prst="ellipse">
              <a:avLst/>
            </a:prstGeom>
            <a:solidFill>
              <a:schemeClr val="accent3">
                <a:lumMod val="20000"/>
                <a:lumOff val="80000"/>
                <a:alpha val="25098"/>
              </a:schemeClr>
            </a:solidFill>
            <a:ln w="19050" cap="flat" cmpd="sng" algn="ctr">
              <a:solidFill>
                <a:schemeClr val="accent3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5849BB59-8554-4D12-8EEA-076007A193E1}"/>
                </a:ext>
              </a:extLst>
            </p:cNvPr>
            <p:cNvSpPr/>
            <p:nvPr/>
          </p:nvSpPr>
          <p:spPr bwMode="auto">
            <a:xfrm>
              <a:off x="7951862" y="4477318"/>
              <a:ext cx="658526" cy="265812"/>
            </a:xfrm>
            <a:prstGeom prst="ellipse">
              <a:avLst/>
            </a:prstGeom>
            <a:solidFill>
              <a:schemeClr val="accent3">
                <a:lumMod val="20000"/>
                <a:lumOff val="80000"/>
                <a:alpha val="25098"/>
              </a:schemeClr>
            </a:solidFill>
            <a:ln w="19050" cap="flat" cmpd="sng" algn="ctr">
              <a:solidFill>
                <a:schemeClr val="accent3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" name="Straight Arrow Connector 29">
              <a:extLst>
                <a:ext uri="{FF2B5EF4-FFF2-40B4-BE49-F238E27FC236}">
                  <a16:creationId xmlns:a16="http://schemas.microsoft.com/office/drawing/2014/main" id="{16CC5BBF-54B2-D3E6-A4B5-43EDE0C85E2A}"/>
                </a:ext>
              </a:extLst>
            </p:cNvPr>
            <p:cNvCxnSpPr>
              <a:cxnSpLocks/>
              <a:stCxn id="21" idx="6"/>
              <a:endCxn id="23" idx="2"/>
            </p:cNvCxnSpPr>
            <p:nvPr/>
          </p:nvCxnSpPr>
          <p:spPr bwMode="auto">
            <a:xfrm flipV="1">
              <a:off x="3700216" y="4610224"/>
              <a:ext cx="4251646" cy="2225"/>
            </a:xfrm>
            <a:prstGeom prst="straightConnector1">
              <a:avLst/>
            </a:prstGeom>
            <a:ln w="19050" cap="flat" cmpd="sng" algn="ctr">
              <a:solidFill>
                <a:schemeClr val="accent3"/>
              </a:solidFill>
              <a:prstDash val="solid"/>
              <a:round/>
              <a:headEnd type="none" w="med" len="med"/>
              <a:tailEnd type="arrow" w="med" len="med"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/>
            </a:fontRef>
          </p:style>
        </p:cxnSp>
      </p:grpSp>
      <p:sp>
        <p:nvSpPr>
          <p:cNvPr id="36" name="TextBox 35">
            <a:extLst>
              <a:ext uri="{FF2B5EF4-FFF2-40B4-BE49-F238E27FC236}">
                <a16:creationId xmlns:a16="http://schemas.microsoft.com/office/drawing/2014/main" id="{AF13B15E-D6B4-1C6F-815F-6C5571E10B98}"/>
              </a:ext>
            </a:extLst>
          </p:cNvPr>
          <p:cNvSpPr txBox="1"/>
          <p:nvPr/>
        </p:nvSpPr>
        <p:spPr>
          <a:xfrm>
            <a:off x="4113693" y="1263338"/>
            <a:ext cx="3960440" cy="6432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4400" dirty="0">
                <a:solidFill>
                  <a:schemeClr val="bg1">
                    <a:lumMod val="65000"/>
                  </a:schemeClr>
                </a:solidFill>
                <a:latin typeface="+mn-lt"/>
              </a:rPr>
              <a:t>Code</a:t>
            </a:r>
            <a:endParaRPr lang="da-DK" sz="4400" dirty="0">
              <a:solidFill>
                <a:schemeClr val="bg1">
                  <a:lumMod val="65000"/>
                </a:schemeClr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2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2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2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25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xit" presetSubtype="0" fill="hold" nodeType="withEffect">
                                  <p:stCondLst>
                                    <p:cond delay="15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0" presetClass="exit" presetSubtype="0" fill="hold" nodeType="withEffect">
                                  <p:stCondLst>
                                    <p:cond delay="15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1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nodeType="withEffect">
                                  <p:stCondLst>
                                    <p:cond delay="15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109D10F-F873-24FE-8699-B652019B7BA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18">
            <a:extLst>
              <a:ext uri="{FF2B5EF4-FFF2-40B4-BE49-F238E27FC236}">
                <a16:creationId xmlns:a16="http://schemas.microsoft.com/office/drawing/2014/main" id="{B5138507-9009-2D7B-059A-B1733C95333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39612" y="2189202"/>
            <a:ext cx="5052606" cy="2815363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CA3A40FC-70A1-C9B2-4976-7FBA7BABCAB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6607" y="2189202"/>
            <a:ext cx="4842371" cy="3055659"/>
          </a:xfrm>
          <a:prstGeom prst="rect">
            <a:avLst/>
          </a:prstGeo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94E64244-E41A-39A8-1C0E-B5323F735A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DO I complete the tutorial?</a:t>
            </a:r>
          </a:p>
        </p:txBody>
      </p:sp>
      <p:sp>
        <p:nvSpPr>
          <p:cNvPr id="2" name="Oval 1">
            <a:extLst>
              <a:ext uri="{FF2B5EF4-FFF2-40B4-BE49-F238E27FC236}">
                <a16:creationId xmlns:a16="http://schemas.microsoft.com/office/drawing/2014/main" id="{D1BC496F-0ABC-7189-F65E-D7F3A4DF15C2}"/>
              </a:ext>
            </a:extLst>
          </p:cNvPr>
          <p:cNvSpPr/>
          <p:nvPr/>
        </p:nvSpPr>
        <p:spPr bwMode="auto">
          <a:xfrm>
            <a:off x="261765" y="1944305"/>
            <a:ext cx="1368152" cy="3055659"/>
          </a:xfrm>
          <a:prstGeom prst="ellipse">
            <a:avLst/>
          </a:prstGeom>
          <a:solidFill>
            <a:srgbClr val="183D83">
              <a:alpha val="25098"/>
            </a:srgbClr>
          </a:solidFill>
          <a:ln w="28575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48EF9969-EE82-7123-3050-C9BE6638F5BE}"/>
              </a:ext>
            </a:extLst>
          </p:cNvPr>
          <p:cNvSpPr/>
          <p:nvPr/>
        </p:nvSpPr>
        <p:spPr bwMode="auto">
          <a:xfrm>
            <a:off x="10630916" y="2420888"/>
            <a:ext cx="1296144" cy="2088232"/>
          </a:xfrm>
          <a:prstGeom prst="ellipse">
            <a:avLst/>
          </a:prstGeom>
          <a:solidFill>
            <a:srgbClr val="183D83">
              <a:alpha val="25098"/>
            </a:srgbClr>
          </a:solidFill>
          <a:ln w="28575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FA7FA814-33AA-B0B4-54F6-1902973D1D9C}"/>
              </a:ext>
            </a:extLst>
          </p:cNvPr>
          <p:cNvCxnSpPr>
            <a:cxnSpLocks/>
            <a:stCxn id="2" idx="6"/>
            <a:endCxn id="3" idx="2"/>
          </p:cNvCxnSpPr>
          <p:nvPr/>
        </p:nvCxnSpPr>
        <p:spPr bwMode="auto">
          <a:xfrm flipV="1">
            <a:off x="1629917" y="3465004"/>
            <a:ext cx="9000999" cy="7131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3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667A0B5E-6B0A-2664-12FC-8AA177B07691}"/>
              </a:ext>
            </a:extLst>
          </p:cNvPr>
          <p:cNvSpPr txBox="1"/>
          <p:nvPr/>
        </p:nvSpPr>
        <p:spPr>
          <a:xfrm>
            <a:off x="4113693" y="1263338"/>
            <a:ext cx="3960440" cy="6432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4400" dirty="0">
                <a:solidFill>
                  <a:schemeClr val="bg1">
                    <a:lumMod val="65000"/>
                  </a:schemeClr>
                </a:solidFill>
                <a:latin typeface="+mn-lt"/>
              </a:rPr>
              <a:t>Navigation</a:t>
            </a:r>
            <a:endParaRPr lang="da-DK" sz="4400" dirty="0">
              <a:solidFill>
                <a:schemeClr val="bg1">
                  <a:lumMod val="65000"/>
                </a:schemeClr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78151142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>
        <p159:morph option="byObject"/>
      </p:transition>
    </mc:Choice>
    <mc:Fallback>
      <p:transition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 minimal statistics intro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2299828"/>
            <a:ext cx="10220325" cy="3937484"/>
          </a:xfrm>
        </p:spPr>
        <p:txBody>
          <a:bodyPr/>
          <a:lstStyle/>
          <a:p>
            <a:pPr marL="342900" indent="-342900">
              <a:lnSpc>
                <a:spcPct val="300000"/>
              </a:lnSpc>
              <a:buFont typeface="0xProto Nerd Font" panose="02000009000000000000" pitchFamily="50" charset="0"/>
              <a:buChar char=""/>
            </a:pPr>
            <a:r>
              <a:rPr lang="en-GB" dirty="0"/>
              <a:t>What is a LM/GLM/GAM?</a:t>
            </a:r>
          </a:p>
          <a:p>
            <a:pPr marL="342900" indent="-342900">
              <a:lnSpc>
                <a:spcPct val="300000"/>
              </a:lnSpc>
              <a:buFont typeface="0xProto Nerd Font" panose="02000009000000000000" pitchFamily="50" charset="0"/>
              <a:buChar char=""/>
            </a:pPr>
            <a:r>
              <a:rPr lang="en-GB" dirty="0"/>
              <a:t>Is it working??</a:t>
            </a:r>
          </a:p>
          <a:p>
            <a:pPr marL="342900" indent="-342900">
              <a:lnSpc>
                <a:spcPct val="300000"/>
              </a:lnSpc>
              <a:buFont typeface="0xProto Nerd Font" panose="02000009000000000000" pitchFamily="50" charset="0"/>
              <a:buChar char=""/>
            </a:pPr>
            <a:r>
              <a:rPr lang="en-GB" dirty="0" err="1"/>
              <a:t>Ohh</a:t>
            </a:r>
            <a:r>
              <a:rPr lang="en-GB" dirty="0"/>
              <a:t> no…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3484DAC5-9985-9997-39C2-D9CAFFEA6B9D}"/>
              </a:ext>
            </a:extLst>
          </p:cNvPr>
          <p:cNvGrpSpPr/>
          <p:nvPr/>
        </p:nvGrpSpPr>
        <p:grpSpPr>
          <a:xfrm>
            <a:off x="6094412" y="2220104"/>
            <a:ext cx="1008112" cy="3290057"/>
            <a:chOff x="4654252" y="1960079"/>
            <a:chExt cx="914400" cy="2984220"/>
          </a:xfrm>
        </p:grpSpPr>
        <p:pic>
          <p:nvPicPr>
            <p:cNvPr id="4" name="Graphic 3" descr="Warning with solid fill">
              <a:extLst>
                <a:ext uri="{FF2B5EF4-FFF2-40B4-BE49-F238E27FC236}">
                  <a16:creationId xmlns:a16="http://schemas.microsoft.com/office/drawing/2014/main" id="{340B8DC5-4ED5-D8D6-8F8F-259579D22C4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4654252" y="4029899"/>
              <a:ext cx="914400" cy="914400"/>
            </a:xfrm>
            <a:prstGeom prst="rect">
              <a:avLst/>
            </a:prstGeom>
          </p:spPr>
        </p:pic>
        <p:pic>
          <p:nvPicPr>
            <p:cNvPr id="7" name="Graphic 6" descr="Help with solid fill">
              <a:extLst>
                <a:ext uri="{FF2B5EF4-FFF2-40B4-BE49-F238E27FC236}">
                  <a16:creationId xmlns:a16="http://schemas.microsoft.com/office/drawing/2014/main" id="{5618598F-8CA7-A57C-4ABE-3D5E16B3A75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654252" y="2994989"/>
              <a:ext cx="914400" cy="914400"/>
            </a:xfrm>
            <a:prstGeom prst="rect">
              <a:avLst/>
            </a:prstGeom>
          </p:spPr>
        </p:pic>
        <p:pic>
          <p:nvPicPr>
            <p:cNvPr id="9" name="Graphic 8" descr="Thought with solid fill">
              <a:extLst>
                <a:ext uri="{FF2B5EF4-FFF2-40B4-BE49-F238E27FC236}">
                  <a16:creationId xmlns:a16="http://schemas.microsoft.com/office/drawing/2014/main" id="{CBB800AD-1CA8-7DBC-7411-5C14BE21EEBA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4654252" y="1960079"/>
              <a:ext cx="914400" cy="914400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3087F45-CBF7-7548-3C77-09C7796BBBF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FEE8D7D0-0DFE-9680-6924-1E02D655A9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DO I complete the tutorial?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D02F12A-829A-6185-137D-4BFE35F116A2}"/>
              </a:ext>
            </a:extLst>
          </p:cNvPr>
          <p:cNvSpPr txBox="1"/>
          <p:nvPr/>
        </p:nvSpPr>
        <p:spPr>
          <a:xfrm>
            <a:off x="4113693" y="1263338"/>
            <a:ext cx="3960440" cy="6432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4400" dirty="0">
                <a:solidFill>
                  <a:schemeClr val="bg1">
                    <a:lumMod val="65000"/>
                  </a:schemeClr>
                </a:solidFill>
                <a:latin typeface="+mn-lt"/>
              </a:rPr>
              <a:t>Questions</a:t>
            </a:r>
            <a:endParaRPr lang="da-DK" sz="4400" dirty="0">
              <a:solidFill>
                <a:schemeClr val="bg1">
                  <a:lumMod val="65000"/>
                </a:schemeClr>
              </a:solidFill>
              <a:latin typeface="+mn-lt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0061D63-E9F1-2163-9E19-1CC8E848D81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6800" y="2189201"/>
            <a:ext cx="5139234" cy="231991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66A3B72B-06FF-A1AF-3711-C33C14F842FE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r="24068"/>
          <a:stretch/>
        </p:blipFill>
        <p:spPr>
          <a:xfrm>
            <a:off x="7069206" y="2189201"/>
            <a:ext cx="4802707" cy="2319919"/>
          </a:xfrm>
          <a:prstGeom prst="rect">
            <a:avLst/>
          </a:prstGeom>
        </p:spPr>
      </p:pic>
      <p:grpSp>
        <p:nvGrpSpPr>
          <p:cNvPr id="21" name="Group 20">
            <a:extLst>
              <a:ext uri="{FF2B5EF4-FFF2-40B4-BE49-F238E27FC236}">
                <a16:creationId xmlns:a16="http://schemas.microsoft.com/office/drawing/2014/main" id="{44162F48-2471-628D-A17D-EB7DDE045393}"/>
              </a:ext>
            </a:extLst>
          </p:cNvPr>
          <p:cNvGrpSpPr/>
          <p:nvPr/>
        </p:nvGrpSpPr>
        <p:grpSpPr>
          <a:xfrm>
            <a:off x="5153025" y="3566160"/>
            <a:ext cx="6802754" cy="1127759"/>
            <a:chOff x="5153025" y="3566160"/>
            <a:chExt cx="6802754" cy="1127759"/>
          </a:xfrm>
        </p:grpSpPr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7D8AB418-FF28-56BE-3B4E-B86494FD6C88}"/>
                </a:ext>
              </a:extLst>
            </p:cNvPr>
            <p:cNvSpPr/>
            <p:nvPr/>
          </p:nvSpPr>
          <p:spPr bwMode="auto">
            <a:xfrm>
              <a:off x="6850380" y="3566160"/>
              <a:ext cx="5105399" cy="1127759"/>
            </a:xfrm>
            <a:prstGeom prst="ellipse">
              <a:avLst/>
            </a:prstGeom>
            <a:solidFill>
              <a:srgbClr val="183D83">
                <a:alpha val="25098"/>
              </a:srgbClr>
            </a:solidFill>
            <a:ln w="28575" cap="flat" cmpd="sng" algn="ctr">
              <a:solidFill>
                <a:schemeClr val="accent3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757788F5-5578-142A-1DA2-B9E4B26545CE}"/>
                </a:ext>
              </a:extLst>
            </p:cNvPr>
            <p:cNvCxnSpPr>
              <a:cxnSpLocks/>
              <a:endCxn id="11" idx="2"/>
            </p:cNvCxnSpPr>
            <p:nvPr/>
          </p:nvCxnSpPr>
          <p:spPr bwMode="auto">
            <a:xfrm flipV="1">
              <a:off x="5153025" y="4130040"/>
              <a:ext cx="1697355" cy="619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3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7A6D441D-81E7-75F7-95D2-A709C94FD655}"/>
              </a:ext>
            </a:extLst>
          </p:cNvPr>
          <p:cNvSpPr/>
          <p:nvPr/>
        </p:nvSpPr>
        <p:spPr bwMode="auto">
          <a:xfrm>
            <a:off x="7390556" y="4256509"/>
            <a:ext cx="1224136" cy="144016"/>
          </a:xfrm>
          <a:prstGeom prst="roundRect">
            <a:avLst/>
          </a:prstGeom>
          <a:solidFill>
            <a:srgbClr val="FF0000">
              <a:alpha val="50196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8138352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" dur="2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  <p:bldP spid="20" grpId="1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E05BDC2-8649-44B8-3BCD-C9B30152E4B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FCD6B47-BA97-CC7C-094E-375BA13F55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DO I complete the tutorial?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EA2800E3-3A51-2284-68E7-736CAE141934}"/>
              </a:ext>
            </a:extLst>
          </p:cNvPr>
          <p:cNvSpPr txBox="1"/>
          <p:nvPr/>
        </p:nvSpPr>
        <p:spPr>
          <a:xfrm>
            <a:off x="4113693" y="1263338"/>
            <a:ext cx="3960440" cy="6432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4400" dirty="0">
                <a:solidFill>
                  <a:schemeClr val="bg1">
                    <a:lumMod val="65000"/>
                  </a:schemeClr>
                </a:solidFill>
                <a:latin typeface="+mn-lt"/>
              </a:rPr>
              <a:t>Questions</a:t>
            </a:r>
            <a:endParaRPr lang="da-DK" sz="4400" dirty="0">
              <a:solidFill>
                <a:schemeClr val="bg1">
                  <a:lumMod val="65000"/>
                </a:schemeClr>
              </a:solidFill>
              <a:latin typeface="+mn-lt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DF3E08E-484F-E716-EEF0-EF88FCD2A7A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851014" y="2064849"/>
            <a:ext cx="6486796" cy="2928226"/>
          </a:xfrm>
          <a:prstGeom prst="rect">
            <a:avLst/>
          </a:prstGeom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4309CB9C-BEB0-B228-967E-18351FEB81EE}"/>
              </a:ext>
            </a:extLst>
          </p:cNvPr>
          <p:cNvGrpSpPr/>
          <p:nvPr/>
        </p:nvGrpSpPr>
        <p:grpSpPr>
          <a:xfrm>
            <a:off x="2851014" y="2060848"/>
            <a:ext cx="6486796" cy="3793908"/>
            <a:chOff x="2487936" y="2189202"/>
            <a:chExt cx="7212952" cy="4218612"/>
          </a:xfrm>
        </p:grpSpPr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FAE42D2B-4FC9-2966-B356-ACAE583A3EF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rcRect b="67044"/>
            <a:stretch/>
          </p:blipFill>
          <p:spPr>
            <a:xfrm>
              <a:off x="2487936" y="2189202"/>
              <a:ext cx="7212952" cy="2168846"/>
            </a:xfrm>
            <a:prstGeom prst="rect">
              <a:avLst/>
            </a:prstGeom>
          </p:spPr>
        </p:pic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20CEABD7-3584-6702-D561-84FB73EDCB3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rcRect t="68853"/>
            <a:stretch/>
          </p:blipFill>
          <p:spPr>
            <a:xfrm>
              <a:off x="2487936" y="4358048"/>
              <a:ext cx="7212952" cy="2049766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1389696941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>
        <p159:morph option="byObject"/>
      </p:transition>
    </mc:Choice>
    <mc:Fallback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2B4C03-67C2-E854-8C12-BC5ECC8FF9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ercise	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524414C-B1F2-C09B-7E62-1E713EC25AE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anchor="ctr"/>
          <a:lstStyle/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r>
              <a:rPr lang="en-US" dirty="0"/>
              <a:t>30 minutes</a:t>
            </a:r>
          </a:p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endParaRPr lang="en-US" dirty="0"/>
          </a:p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r>
              <a:rPr lang="en-US" dirty="0"/>
              <a:t>Pair up</a:t>
            </a:r>
          </a:p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endParaRPr lang="en-US" dirty="0"/>
          </a:p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r>
              <a:rPr lang="en-US" dirty="0"/>
              <a:t>Discuss questions, and solve the problems together</a:t>
            </a:r>
          </a:p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endParaRPr lang="en-US" dirty="0"/>
          </a:p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r>
              <a:rPr lang="en-US" dirty="0"/>
              <a:t>(Later </a:t>
            </a:r>
            <a:r>
              <a:rPr lang="en-US" dirty="0">
                <a:latin typeface="0xProto Nerd Font" panose="02000009000000000000" pitchFamily="50" charset="0"/>
                <a:cs typeface="0xProto Nerd Font" panose="02000009000000000000" pitchFamily="50" charset="0"/>
              </a:rPr>
              <a:t> </a:t>
            </a:r>
            <a:r>
              <a:rPr lang="en-US" dirty="0">
                <a:cs typeface="0xProto Nerd Font" panose="02000009000000000000" pitchFamily="50" charset="0"/>
              </a:rPr>
              <a:t>Explanations of advanced use-cases)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5FB9E28-1E6F-74FA-5500-D863613A14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0503F8-5552-420A-B9AE-DE2F918E2223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18113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01F6A8D-E045-BECF-D082-B44E62E173C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4ED8006-DA2D-B2F8-947B-3B9809C127A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GB" dirty="0"/>
              <a:t>Advanced Usag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95EF193-D4F9-7C73-4574-6776BC0F8934}"/>
              </a:ext>
            </a:extLst>
          </p:cNvPr>
          <p:cNvSpPr txBox="1"/>
          <p:nvPr/>
        </p:nvSpPr>
        <p:spPr>
          <a:xfrm>
            <a:off x="978907" y="3547232"/>
            <a:ext cx="6188694" cy="58477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+mn-lt"/>
              </a:rPr>
              <a:t>MGCV Skill training Ses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1061077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D9AD22-A1BD-547B-3187-55A11A8D23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amilies in MGCV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67866B-1AF9-6B84-11B3-95CB5C0DD03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1844" y="1960079"/>
            <a:ext cx="10729192" cy="3937484"/>
          </a:xfrm>
        </p:spPr>
        <p:txBody>
          <a:bodyPr/>
          <a:lstStyle/>
          <a:p>
            <a:r>
              <a:rPr lang="en-US" sz="1800" dirty="0"/>
              <a:t>scat (scaled t): For heavy tailed data</a:t>
            </a:r>
          </a:p>
          <a:p>
            <a:endParaRPr lang="en-US" sz="1800" dirty="0"/>
          </a:p>
          <a:p>
            <a:r>
              <a:rPr lang="en-US" sz="1800" dirty="0" err="1"/>
              <a:t>ziP</a:t>
            </a:r>
            <a:r>
              <a:rPr lang="en-US" sz="1800" dirty="0"/>
              <a:t> (zero-inflated </a:t>
            </a:r>
            <a:r>
              <a:rPr lang="en-US" sz="1800" dirty="0" err="1"/>
              <a:t>poisson</a:t>
            </a:r>
            <a:r>
              <a:rPr lang="en-US" sz="1800" dirty="0"/>
              <a:t>): For count data with excessive zeros</a:t>
            </a:r>
          </a:p>
          <a:p>
            <a:endParaRPr lang="en-US" sz="1800" dirty="0"/>
          </a:p>
          <a:p>
            <a:r>
              <a:rPr lang="en-US" sz="1800" dirty="0" err="1"/>
              <a:t>nb</a:t>
            </a:r>
            <a:r>
              <a:rPr lang="en-US" sz="1800" dirty="0"/>
              <a:t> (negative binomial): For count data, when </a:t>
            </a:r>
            <a:r>
              <a:rPr lang="en-US" sz="1800" dirty="0" err="1"/>
              <a:t>poisson</a:t>
            </a:r>
            <a:r>
              <a:rPr lang="en-US" sz="1800" dirty="0"/>
              <a:t> is not appropriate</a:t>
            </a:r>
          </a:p>
          <a:p>
            <a:endParaRPr lang="en-US" sz="1800" dirty="0"/>
          </a:p>
          <a:p>
            <a:r>
              <a:rPr lang="en-US" sz="1800" dirty="0" err="1"/>
              <a:t>betar</a:t>
            </a:r>
            <a:r>
              <a:rPr lang="en-US" sz="1800" dirty="0"/>
              <a:t> (beta regression): For proportion data between, not including, 0 and 1</a:t>
            </a:r>
          </a:p>
          <a:p>
            <a:endParaRPr lang="en-US" sz="1800" dirty="0"/>
          </a:p>
          <a:p>
            <a:r>
              <a:rPr lang="en-US" sz="1800" dirty="0" err="1"/>
              <a:t>gaulss</a:t>
            </a:r>
            <a:r>
              <a:rPr lang="en-US" sz="1800" dirty="0"/>
              <a:t> (gaussian location-scale): For linear regression, where the variance is non-constant</a:t>
            </a:r>
          </a:p>
          <a:p>
            <a:endParaRPr lang="en-US" sz="1800" dirty="0"/>
          </a:p>
          <a:p>
            <a:r>
              <a:rPr lang="en-US" sz="1800" dirty="0" err="1"/>
              <a:t>ziplss</a:t>
            </a:r>
            <a:r>
              <a:rPr lang="en-US" sz="1800" dirty="0"/>
              <a:t> (zero-inflated </a:t>
            </a:r>
            <a:r>
              <a:rPr lang="en-US" sz="1800" dirty="0" err="1"/>
              <a:t>poisson</a:t>
            </a:r>
            <a:r>
              <a:rPr lang="en-US" sz="1800" dirty="0"/>
              <a:t> location-scale): For count data, where zeros are modelled separately</a:t>
            </a:r>
            <a:endParaRPr lang="da-DK" sz="1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D62FB93-2ED7-661D-9D84-3140DB26B0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CCF953-F017-4D75-B7C5-B406462CDC76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78656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E3CDEA-07D4-EF61-ADBD-FAF7B6A2BE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aled t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E2B9FE-90C9-8169-EE82-5B14B442E1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B72E82-A776-43E2-8406-62AB93444076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CB32DF2-A32E-D9BE-186A-7974DE416D3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78297" y="2060848"/>
            <a:ext cx="2695951" cy="111458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6E43E89C-B216-5A06-DBE6-6AAD1FF6AEF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4840" y="3677635"/>
            <a:ext cx="3238952" cy="46679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F595DC0-1624-C630-D278-9CCE5DDCDCF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4" y="4646631"/>
            <a:ext cx="5163271" cy="495369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E89C66F6-FED9-185A-37D5-20B669173A7E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2" y="3904828"/>
            <a:ext cx="3259327" cy="2512398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BBB021C0-0F3A-E915-8863-845A3552DABB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2" y="929074"/>
            <a:ext cx="3259327" cy="2512398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DA9FA5EE-96F3-30D0-25C3-857EAE130E00}"/>
              </a:ext>
            </a:extLst>
          </p:cNvPr>
          <p:cNvSpPr txBox="1"/>
          <p:nvPr/>
        </p:nvSpPr>
        <p:spPr>
          <a:xfrm>
            <a:off x="8804196" y="603206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ordinary LM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8380D09-64D6-38AC-EF87-B892292A3AF1}"/>
              </a:ext>
            </a:extLst>
          </p:cNvPr>
          <p:cNvSpPr txBox="1"/>
          <p:nvPr/>
        </p:nvSpPr>
        <p:spPr>
          <a:xfrm>
            <a:off x="8804196" y="3578960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family = “scat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3C07E866-840B-ED8A-9516-4F8F2DCDCAB9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4223792" y="2185273"/>
            <a:ext cx="4030860" cy="1725757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CA1315A4-FC19-2356-D6A6-E786400D2763}"/>
              </a:ext>
            </a:extLst>
          </p:cNvPr>
          <p:cNvCxnSpPr>
            <a:cxnSpLocks/>
            <a:stCxn id="10" idx="3"/>
            <a:endCxn id="12" idx="1"/>
          </p:cNvCxnSpPr>
          <p:nvPr/>
        </p:nvCxnSpPr>
        <p:spPr bwMode="auto">
          <a:xfrm>
            <a:off x="6145115" y="4894316"/>
            <a:ext cx="2109537" cy="266711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22" name="Picture 21">
            <a:extLst>
              <a:ext uri="{FF2B5EF4-FFF2-40B4-BE49-F238E27FC236}">
                <a16:creationId xmlns:a16="http://schemas.microsoft.com/office/drawing/2014/main" id="{CF749DE3-F46C-15EE-07D9-171C13E95A44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158657" y="457752"/>
            <a:ext cx="2547481" cy="19636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860503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9B84B7-5E9C-1142-F452-0C1944F8FC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Zero-inflated Poisson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1315D7-F3C9-78C7-9A04-6B2DBA2EF4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1E6BB0-82F7-42A9-87CC-F601A316B153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17868EC-0FCA-8B6D-3877-18B375FAA97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81386" y="2143419"/>
            <a:ext cx="2448730" cy="101269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8B9EF34D-169F-C12E-6276-630858BB232D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454134" y="3946567"/>
            <a:ext cx="2860364" cy="2204863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760C9374-D778-8190-C724-0023BF7CCBD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454134" y="1082841"/>
            <a:ext cx="2860364" cy="2204863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4E81FECA-4CC0-AEF5-A1AC-CF9AE526BDF9}"/>
              </a:ext>
            </a:extLst>
          </p:cNvPr>
          <p:cNvSpPr txBox="1"/>
          <p:nvPr/>
        </p:nvSpPr>
        <p:spPr>
          <a:xfrm>
            <a:off x="8804196" y="720161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family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poisson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E5D21E8E-17F5-BBB7-55A7-FDB3E0EA6FF4}"/>
              </a:ext>
            </a:extLst>
          </p:cNvPr>
          <p:cNvSpPr txBox="1"/>
          <p:nvPr/>
        </p:nvSpPr>
        <p:spPr>
          <a:xfrm>
            <a:off x="8804196" y="3578960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family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ziP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A24BD05-0D00-B874-AB2B-3E6623DFC70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1843" y="3744446"/>
            <a:ext cx="4718905" cy="404242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DF967862-AB3C-3F2F-9A2D-EFA7178462F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81844" y="4714162"/>
            <a:ext cx="4718906" cy="446865"/>
          </a:xfrm>
          <a:prstGeom prst="rect">
            <a:avLst/>
          </a:prstGeom>
        </p:spPr>
      </p:pic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4721884A-D3FC-1E81-0B18-B8DD7E921377}"/>
              </a:ext>
            </a:extLst>
          </p:cNvPr>
          <p:cNvCxnSpPr>
            <a:cxnSpLocks/>
            <a:stCxn id="16" idx="3"/>
            <a:endCxn id="12" idx="1"/>
          </p:cNvCxnSpPr>
          <p:nvPr/>
        </p:nvCxnSpPr>
        <p:spPr bwMode="auto">
          <a:xfrm flipV="1">
            <a:off x="5700748" y="2185273"/>
            <a:ext cx="2553904" cy="1761294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3C0978C7-D88D-20EE-FCE3-389C6DA84F29}"/>
              </a:ext>
            </a:extLst>
          </p:cNvPr>
          <p:cNvCxnSpPr>
            <a:cxnSpLocks/>
            <a:stCxn id="18" idx="3"/>
            <a:endCxn id="10" idx="1"/>
          </p:cNvCxnSpPr>
          <p:nvPr/>
        </p:nvCxnSpPr>
        <p:spPr bwMode="auto">
          <a:xfrm>
            <a:off x="5700750" y="4937595"/>
            <a:ext cx="2753384" cy="111404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32" name="Picture 31">
            <a:extLst>
              <a:ext uri="{FF2B5EF4-FFF2-40B4-BE49-F238E27FC236}">
                <a16:creationId xmlns:a16="http://schemas.microsoft.com/office/drawing/2014/main" id="{EA9A43AB-F860-6196-B66E-C74639A3E345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16120" y="1558284"/>
            <a:ext cx="2478292" cy="19103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29913852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8C050CE-62D4-F62A-2D3D-A55118B0419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F64F4A-CB3F-B120-1B11-9C563F280E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gative Binomial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33AF8E-CFEA-A53D-5ED3-5A836C33EF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1E6BB0-82F7-42A9-87CC-F601A316B153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F12ECDF-FF76-F98C-0855-376186170C3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81844" y="2216671"/>
            <a:ext cx="2267757" cy="1133879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DCE3502D-0D42-3A31-333D-E8BA07CFA73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454134" y="3946567"/>
            <a:ext cx="2860363" cy="2204863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9252A82F-7407-C9EC-FB5D-655A700F113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454135" y="1082841"/>
            <a:ext cx="2860362" cy="2204863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84B2C815-1621-80C8-E572-F1263BEBFE88}"/>
              </a:ext>
            </a:extLst>
          </p:cNvPr>
          <p:cNvSpPr txBox="1"/>
          <p:nvPr/>
        </p:nvSpPr>
        <p:spPr>
          <a:xfrm>
            <a:off x="8804196" y="720161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family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poisson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B84D947-0762-3AE5-06DF-14AA21C301B4}"/>
              </a:ext>
            </a:extLst>
          </p:cNvPr>
          <p:cNvSpPr txBox="1"/>
          <p:nvPr/>
        </p:nvSpPr>
        <p:spPr>
          <a:xfrm>
            <a:off x="8804196" y="3578960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family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nb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357EF32C-2D64-E434-EC59-592F07926D7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1843" y="3744446"/>
            <a:ext cx="4718905" cy="404242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EBE4C424-D74E-AE3D-F9E2-3B6E67091DC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339"/>
          <a:stretch/>
        </p:blipFill>
        <p:spPr>
          <a:xfrm>
            <a:off x="981844" y="4739093"/>
            <a:ext cx="4608512" cy="397002"/>
          </a:xfrm>
          <a:prstGeom prst="rect">
            <a:avLst/>
          </a:prstGeom>
        </p:spPr>
      </p:pic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BE05C82D-A2DC-9D48-55F7-0A38F6F01E71}"/>
              </a:ext>
            </a:extLst>
          </p:cNvPr>
          <p:cNvCxnSpPr>
            <a:cxnSpLocks/>
            <a:stCxn id="16" idx="3"/>
            <a:endCxn id="12" idx="1"/>
          </p:cNvCxnSpPr>
          <p:nvPr/>
        </p:nvCxnSpPr>
        <p:spPr bwMode="auto">
          <a:xfrm flipV="1">
            <a:off x="5700748" y="2185273"/>
            <a:ext cx="2553904" cy="1761294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3AD07A54-E047-D0CB-F7B0-649765E97A2F}"/>
              </a:ext>
            </a:extLst>
          </p:cNvPr>
          <p:cNvCxnSpPr>
            <a:cxnSpLocks/>
            <a:stCxn id="18" idx="3"/>
            <a:endCxn id="10" idx="1"/>
          </p:cNvCxnSpPr>
          <p:nvPr/>
        </p:nvCxnSpPr>
        <p:spPr bwMode="auto">
          <a:xfrm>
            <a:off x="5590356" y="4937594"/>
            <a:ext cx="2863778" cy="111405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23" name="Picture 22">
            <a:extLst>
              <a:ext uri="{FF2B5EF4-FFF2-40B4-BE49-F238E27FC236}">
                <a16:creationId xmlns:a16="http://schemas.microsoft.com/office/drawing/2014/main" id="{7AE451BF-F52C-C102-8DAF-73C2ABBDE86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322979" y="1513557"/>
            <a:ext cx="2699425" cy="20808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1452683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3A90461-E664-71B6-8B74-85FD031E174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B1B247-92A1-4881-54FD-296D609A87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aussian Location-scale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B0775A-AC5C-75E8-327A-198145B4E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1E6BB0-82F7-42A9-87CC-F601A316B153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4083AA4-AA11-8604-22BD-E68DE9F1644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81844" y="2394369"/>
            <a:ext cx="2267757" cy="778483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6964C1A5-6344-A1B0-9F8D-068EA480CB0D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454135" y="3904828"/>
            <a:ext cx="2860362" cy="2204863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0ABFC023-3789-CF85-50BE-91340E87CFD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454135" y="1082841"/>
            <a:ext cx="2860362" cy="2204862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73550CCB-E7A5-4997-BA99-584F9E6E94AF}"/>
              </a:ext>
            </a:extLst>
          </p:cNvPr>
          <p:cNvSpPr txBox="1"/>
          <p:nvPr/>
        </p:nvSpPr>
        <p:spPr>
          <a:xfrm>
            <a:off x="8804196" y="762465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Ordinary LM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E27C76AD-A55A-DD8E-8751-29C0F7D02084}"/>
              </a:ext>
            </a:extLst>
          </p:cNvPr>
          <p:cNvSpPr txBox="1"/>
          <p:nvPr/>
        </p:nvSpPr>
        <p:spPr>
          <a:xfrm>
            <a:off x="8804196" y="3578960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family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gaulss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2D0CFC4B-80CE-9631-EEFE-2BECEDF760B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74327" y="3753851"/>
            <a:ext cx="3195437" cy="404242"/>
          </a:xfrm>
          <a:prstGeom prst="rect">
            <a:avLst/>
          </a:prstGeom>
        </p:spPr>
      </p:pic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AE658096-A1A7-19A2-FD1A-56A327372FA9}"/>
              </a:ext>
            </a:extLst>
          </p:cNvPr>
          <p:cNvCxnSpPr>
            <a:cxnSpLocks/>
            <a:stCxn id="16" idx="3"/>
            <a:endCxn id="12" idx="1"/>
          </p:cNvCxnSpPr>
          <p:nvPr/>
        </p:nvCxnSpPr>
        <p:spPr bwMode="auto">
          <a:xfrm flipV="1">
            <a:off x="4069764" y="2185273"/>
            <a:ext cx="4384371" cy="1770699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85AAFD6F-6345-49CC-FAE7-0C367AA07FA2}"/>
              </a:ext>
            </a:extLst>
          </p:cNvPr>
          <p:cNvCxnSpPr>
            <a:cxnSpLocks/>
            <a:stCxn id="9" idx="3"/>
            <a:endCxn id="10" idx="1"/>
          </p:cNvCxnSpPr>
          <p:nvPr/>
        </p:nvCxnSpPr>
        <p:spPr bwMode="auto">
          <a:xfrm>
            <a:off x="7561810" y="4972427"/>
            <a:ext cx="892325" cy="34833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5" name="Picture 4">
            <a:extLst>
              <a:ext uri="{FF2B5EF4-FFF2-40B4-BE49-F238E27FC236}">
                <a16:creationId xmlns:a16="http://schemas.microsoft.com/office/drawing/2014/main" id="{B8461447-9AB8-0025-958D-B590CCF9778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286100" y="1518759"/>
            <a:ext cx="2720241" cy="2096852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6C8CEE1-6B41-90EF-280D-82A1BB3CAB5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74327" y="4748558"/>
            <a:ext cx="6687483" cy="4477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737605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27B1B12F-6197-B47F-3983-CB857F6978A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85282" y="2381477"/>
            <a:ext cx="3618259" cy="3406730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5EA56E51-CEE4-7683-8FDF-424B39827BFF}"/>
              </a:ext>
            </a:extLst>
          </p:cNvPr>
          <p:cNvSpPr txBox="1"/>
          <p:nvPr/>
        </p:nvSpPr>
        <p:spPr>
          <a:xfrm>
            <a:off x="4468162" y="2132857"/>
            <a:ext cx="3435379" cy="2485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700" b="1" dirty="0">
                <a:latin typeface="+mn-lt"/>
              </a:rPr>
              <a:t>G</a:t>
            </a:r>
            <a:r>
              <a:rPr lang="en-US" sz="1700" dirty="0">
                <a:latin typeface="+mn-lt"/>
              </a:rPr>
              <a:t>eneralized </a:t>
            </a:r>
            <a:r>
              <a:rPr lang="en-US" sz="1700" b="1" dirty="0">
                <a:latin typeface="+mn-lt"/>
              </a:rPr>
              <a:t>L</a:t>
            </a:r>
            <a:r>
              <a:rPr lang="en-US" sz="1700" dirty="0">
                <a:latin typeface="+mn-lt"/>
              </a:rPr>
              <a:t>inear </a:t>
            </a:r>
            <a:r>
              <a:rPr lang="en-US" sz="1700" b="1" dirty="0">
                <a:latin typeface="+mn-lt"/>
              </a:rPr>
              <a:t>M</a:t>
            </a:r>
            <a:r>
              <a:rPr lang="en-US" sz="1700" dirty="0">
                <a:latin typeface="+mn-lt"/>
              </a:rPr>
              <a:t>odel (GLM)</a:t>
            </a:r>
            <a:endParaRPr lang="da-DK" sz="1700" dirty="0">
              <a:latin typeface="+mn-l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5E44435-716C-E9B7-F2A6-E47EA364F6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ear Regression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F0D069-DB91-7F2F-226B-2089A30C45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D080D0-4D08-4B80-8E87-A153F7C299B6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7F52537-42AE-F7A0-5FCD-CAA3632EC7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5913" y="2381476"/>
            <a:ext cx="3618259" cy="340673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D9BE80E-BF79-31FD-1400-41C2BE53CAC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5913" y="2381476"/>
            <a:ext cx="3618259" cy="3406730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9DCD2889-A819-7D66-AB60-9451D01B9BFE}"/>
              </a:ext>
            </a:extLst>
          </p:cNvPr>
          <p:cNvSpPr txBox="1"/>
          <p:nvPr/>
        </p:nvSpPr>
        <p:spPr>
          <a:xfrm>
            <a:off x="498793" y="2132857"/>
            <a:ext cx="3435379" cy="2485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700" dirty="0">
                <a:latin typeface="+mn-lt"/>
              </a:rPr>
              <a:t>ordinary </a:t>
            </a:r>
            <a:r>
              <a:rPr lang="en-US" sz="1700" b="1" dirty="0">
                <a:latin typeface="+mn-lt"/>
              </a:rPr>
              <a:t>L</a:t>
            </a:r>
            <a:r>
              <a:rPr lang="en-US" sz="1700" dirty="0">
                <a:latin typeface="+mn-lt"/>
              </a:rPr>
              <a:t>inear </a:t>
            </a:r>
            <a:r>
              <a:rPr lang="en-US" sz="1700" b="1" dirty="0">
                <a:latin typeface="+mn-lt"/>
              </a:rPr>
              <a:t>M</a:t>
            </a:r>
            <a:r>
              <a:rPr lang="en-US" sz="1700" dirty="0">
                <a:latin typeface="+mn-lt"/>
              </a:rPr>
              <a:t>odel (LM)</a:t>
            </a:r>
            <a:endParaRPr lang="da-DK" sz="1700" dirty="0">
              <a:latin typeface="+mn-lt"/>
            </a:endParaRP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AC2C7D06-9FFD-B637-55FE-DC63477A7BF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85281" y="2381477"/>
            <a:ext cx="3618260" cy="3406731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18B101A7-B9CE-D210-9E54-F4D847CF5BD7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0" y="2376699"/>
            <a:ext cx="3618258" cy="3406730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5407740A-1990-ED96-A506-F994CD9E8BB9}"/>
              </a:ext>
            </a:extLst>
          </p:cNvPr>
          <p:cNvSpPr txBox="1"/>
          <p:nvPr/>
        </p:nvSpPr>
        <p:spPr>
          <a:xfrm>
            <a:off x="8437530" y="2132856"/>
            <a:ext cx="3435379" cy="2485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700" b="1" dirty="0">
                <a:latin typeface="+mn-lt"/>
              </a:rPr>
              <a:t>G</a:t>
            </a:r>
            <a:r>
              <a:rPr lang="en-US" sz="1700" dirty="0">
                <a:latin typeface="+mn-lt"/>
              </a:rPr>
              <a:t>eneralized </a:t>
            </a:r>
            <a:r>
              <a:rPr lang="en-US" sz="1700" b="1" dirty="0">
                <a:latin typeface="+mn-lt"/>
              </a:rPr>
              <a:t>A</a:t>
            </a:r>
            <a:r>
              <a:rPr lang="en-US" sz="1700" dirty="0">
                <a:latin typeface="+mn-lt"/>
              </a:rPr>
              <a:t>dditive </a:t>
            </a:r>
            <a:r>
              <a:rPr lang="en-US" sz="1700" b="1" dirty="0">
                <a:latin typeface="+mn-lt"/>
              </a:rPr>
              <a:t>M</a:t>
            </a:r>
            <a:r>
              <a:rPr lang="en-US" sz="1700" dirty="0">
                <a:latin typeface="+mn-lt"/>
              </a:rPr>
              <a:t>odel (GAM)</a:t>
            </a:r>
            <a:endParaRPr lang="da-DK" sz="1700" dirty="0">
              <a:latin typeface="+mn-lt"/>
            </a:endParaRP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F16FD57F-5973-E935-2588-95C56225C539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49" y="2376699"/>
            <a:ext cx="3618258" cy="34067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97743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2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2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2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/>
      <p:bldP spid="20" grpId="0"/>
    </p:bld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02430F7-A54E-C27C-4501-1CAE7699537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4DC666-7DBF-1407-95F9-F58A7C476F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Zero-inflated</a:t>
            </a:r>
            <a:br>
              <a:rPr lang="en-US" dirty="0"/>
            </a:br>
            <a:r>
              <a:rPr lang="en-US" dirty="0"/>
              <a:t>Poisson location-scale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556C4D6-FD63-701F-5747-EC7DF521A7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1E6BB0-82F7-42A9-87CC-F601A316B153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D887FB4-6F03-B59C-9154-0C70FF7FFC4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74327" y="2185273"/>
            <a:ext cx="2870673" cy="987579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ECF82780-5BC1-7E7D-0DCE-EDE9BCF066A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454135" y="3904828"/>
            <a:ext cx="2860362" cy="220486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9FC7568C-07B3-5835-A8E2-AF33D0FE0A6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454135" y="1082841"/>
            <a:ext cx="2860361" cy="2204862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C4CDB237-E5F7-B30A-3B0D-39DF13163BEC}"/>
              </a:ext>
            </a:extLst>
          </p:cNvPr>
          <p:cNvSpPr txBox="1"/>
          <p:nvPr/>
        </p:nvSpPr>
        <p:spPr>
          <a:xfrm>
            <a:off x="8804196" y="762465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family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poisson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201BE39E-220A-51D0-462B-11D029CF0F65}"/>
              </a:ext>
            </a:extLst>
          </p:cNvPr>
          <p:cNvSpPr txBox="1"/>
          <p:nvPr/>
        </p:nvSpPr>
        <p:spPr>
          <a:xfrm>
            <a:off x="8804196" y="3578960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family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ziplss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F79D72A-4037-DE47-4668-718143FEA42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74327" y="3827708"/>
            <a:ext cx="4337415" cy="348204"/>
          </a:xfrm>
          <a:prstGeom prst="rect">
            <a:avLst/>
          </a:prstGeom>
        </p:spPr>
      </p:pic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C15A4976-1C22-CA48-5B93-8B6806C1370F}"/>
              </a:ext>
            </a:extLst>
          </p:cNvPr>
          <p:cNvCxnSpPr>
            <a:cxnSpLocks/>
            <a:stCxn id="16" idx="3"/>
            <a:endCxn id="12" idx="1"/>
          </p:cNvCxnSpPr>
          <p:nvPr/>
        </p:nvCxnSpPr>
        <p:spPr bwMode="auto">
          <a:xfrm flipV="1">
            <a:off x="5211742" y="2185272"/>
            <a:ext cx="3242393" cy="181653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2DC38DB8-60DF-27ED-DB23-32221CFC7659}"/>
              </a:ext>
            </a:extLst>
          </p:cNvPr>
          <p:cNvCxnSpPr>
            <a:cxnSpLocks/>
            <a:stCxn id="9" idx="3"/>
            <a:endCxn id="10" idx="1"/>
          </p:cNvCxnSpPr>
          <p:nvPr/>
        </p:nvCxnSpPr>
        <p:spPr bwMode="auto">
          <a:xfrm>
            <a:off x="6140154" y="4926069"/>
            <a:ext cx="2313981" cy="81191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5" name="Picture 4">
            <a:extLst>
              <a:ext uri="{FF2B5EF4-FFF2-40B4-BE49-F238E27FC236}">
                <a16:creationId xmlns:a16="http://schemas.microsoft.com/office/drawing/2014/main" id="{D6035A05-2A1F-3EF3-2966-734F92BCAD56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751172" y="1495819"/>
            <a:ext cx="2720240" cy="2096852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613CC4F6-1CC1-464A-FEFF-C810A7597006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74327" y="4754357"/>
            <a:ext cx="5265827" cy="3434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6866618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202025-8355-5DC6-EBF7-2E369A78F8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MOOTH TERM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E52CD8-BF0B-C89C-E345-2B76BA0080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6188694" cy="3937484"/>
          </a:xfrm>
        </p:spPr>
        <p:txBody>
          <a:bodyPr/>
          <a:lstStyle/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r>
              <a:rPr lang="en-US" sz="1600" dirty="0" err="1"/>
              <a:t>tp</a:t>
            </a:r>
            <a:r>
              <a:rPr lang="en-US" sz="1600" dirty="0"/>
              <a:t> (thin-plate splines): default smooth</a:t>
            </a:r>
          </a:p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r>
              <a:rPr lang="en-US" sz="1600" dirty="0" err="1"/>
              <a:t>cr</a:t>
            </a:r>
            <a:r>
              <a:rPr lang="en-US" sz="1600" dirty="0"/>
              <a:t> (cubic spline): old-school smooth</a:t>
            </a:r>
          </a:p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r>
              <a:rPr lang="en-US" sz="1600" dirty="0" err="1"/>
              <a:t>ts</a:t>
            </a:r>
            <a:r>
              <a:rPr lang="en-US" sz="1600" dirty="0"/>
              <a:t>/cs: shrinkage versions of </a:t>
            </a:r>
            <a:r>
              <a:rPr lang="en-US" sz="1600" dirty="0" err="1"/>
              <a:t>tp</a:t>
            </a:r>
            <a:r>
              <a:rPr lang="en-US" sz="1600" dirty="0"/>
              <a:t>/</a:t>
            </a:r>
            <a:r>
              <a:rPr lang="en-US" sz="1600" dirty="0" err="1"/>
              <a:t>cr</a:t>
            </a:r>
            <a:r>
              <a:rPr lang="en-US" sz="1600" dirty="0"/>
              <a:t>; smooth can have no effect</a:t>
            </a:r>
          </a:p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r>
              <a:rPr lang="en-US" sz="1600" dirty="0"/>
              <a:t>cc (cyclic cubic): matches the “ends”, useful for e.g. time-of-day/year </a:t>
            </a:r>
          </a:p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r>
              <a:rPr lang="en-US" sz="1600" dirty="0"/>
              <a:t>re (random effect): similar to a normal factor term, but uses fewer degrees of freedom</a:t>
            </a:r>
          </a:p>
          <a:p>
            <a:pPr marL="342900" indent="-342900">
              <a:lnSpc>
                <a:spcPct val="150000"/>
              </a:lnSpc>
              <a:buFont typeface="0xProto Nerd Font" panose="02000009000000000000" pitchFamily="50" charset="0"/>
              <a:buChar char=""/>
            </a:pPr>
            <a:r>
              <a:rPr lang="en-US" sz="1600" dirty="0"/>
              <a:t>fs (random factor smooth): for the case where there are multiple similar, but not equal, non-linear relationships for different factor levels (groups)</a:t>
            </a:r>
            <a:endParaRPr lang="da-DK" sz="16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C8935A-EA23-FC8B-FF72-48D63CBC87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7FD4BF-EB8B-4116-A63B-8D28AEB6E747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D3E65FF-AD1B-8F0F-DBD2-5B59DC86D77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47384" y="427068"/>
            <a:ext cx="4456356" cy="2192501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5447EA1-E856-6802-106B-573267DC888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46540" y="2843369"/>
            <a:ext cx="3869608" cy="619138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6BAF4DEE-BFBA-76EE-A5F6-D338A94C5D5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246069" y="3521879"/>
            <a:ext cx="3868292" cy="29818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9794585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325E7A2-8BF9-8CE6-B1AB-447D00EB7B2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2B8572-7E0B-62CC-33AE-C833902C3D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in-plate Spline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30EA85-F0FC-5633-843B-BC0064080D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B72E82-A776-43E2-8406-62AB93444076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F28F0C6-7886-2280-F840-FDF6CA378CB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78297" y="2165929"/>
            <a:ext cx="3355239" cy="75589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0FFE143-F349-391A-D4D2-D5A89B755C1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4840" y="3677635"/>
            <a:ext cx="3238952" cy="46679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4F6A4F5-319C-291E-9FE6-DB9BD4285D7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81844" y="4719042"/>
            <a:ext cx="6588629" cy="447318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1DCF31FB-86DE-88DB-DB39-B291785FA6D0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2" y="3904828"/>
            <a:ext cx="3259327" cy="251239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8457CBA2-AA36-CE6C-B5A1-B06C31109EAC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2" y="929074"/>
            <a:ext cx="3259327" cy="2512397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AEC518DD-D4E0-A95F-9D7A-6EAEDBE8AA45}"/>
              </a:ext>
            </a:extLst>
          </p:cNvPr>
          <p:cNvSpPr txBox="1"/>
          <p:nvPr/>
        </p:nvSpPr>
        <p:spPr>
          <a:xfrm>
            <a:off x="8804196" y="603206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ordinary LM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46861ED6-DD72-E56E-9504-A5236B6559FF}"/>
              </a:ext>
            </a:extLst>
          </p:cNvPr>
          <p:cNvSpPr txBox="1"/>
          <p:nvPr/>
        </p:nvSpPr>
        <p:spPr>
          <a:xfrm>
            <a:off x="8804196" y="3578960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family = “scat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A733894A-66DF-0919-3A5B-807B1DFFE132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4223792" y="2185273"/>
            <a:ext cx="4030860" cy="1725757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9D91C668-8815-74C2-F567-63F287A6CD9F}"/>
              </a:ext>
            </a:extLst>
          </p:cNvPr>
          <p:cNvCxnSpPr>
            <a:cxnSpLocks/>
            <a:stCxn id="10" idx="3"/>
            <a:endCxn id="12" idx="1"/>
          </p:cNvCxnSpPr>
          <p:nvPr/>
        </p:nvCxnSpPr>
        <p:spPr bwMode="auto">
          <a:xfrm>
            <a:off x="7570473" y="4942701"/>
            <a:ext cx="684179" cy="218326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22" name="Picture 21">
            <a:extLst>
              <a:ext uri="{FF2B5EF4-FFF2-40B4-BE49-F238E27FC236}">
                <a16:creationId xmlns:a16="http://schemas.microsoft.com/office/drawing/2014/main" id="{09509434-093E-611B-8340-4BE9094C267D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312908" y="1477788"/>
            <a:ext cx="2547481" cy="19636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4246090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39DFDB7-B670-13C5-19AE-02292F54A4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hrinkage Spline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DB5CA4-A6E0-A529-94F5-6AE57CBED2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BAFD6F-571F-4BF2-BA28-2796C7CF0162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72A7C87-1898-25D0-9E72-7985A083D9C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53852" y="2204864"/>
            <a:ext cx="1835281" cy="82716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F927CC6-4EC7-7C57-4125-04264B44535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2" y="3524267"/>
            <a:ext cx="6048672" cy="38773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42A572C9-6466-A795-7B19-3063F8A5EC7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53852" y="4404237"/>
            <a:ext cx="6048672" cy="38074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8F61C246-4C64-DDC3-6F89-C18001E1292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86100" y="1491373"/>
            <a:ext cx="2376264" cy="1831704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8B05630A-7691-8405-9125-63CCB7983F86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3" y="3904828"/>
            <a:ext cx="3259325" cy="2512397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88543A07-1661-800C-3067-E0D572AA4CEB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3" y="929074"/>
            <a:ext cx="3259325" cy="2512397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E70774BD-6D14-08D3-128B-689A57F5298C}"/>
              </a:ext>
            </a:extLst>
          </p:cNvPr>
          <p:cNvSpPr txBox="1"/>
          <p:nvPr/>
        </p:nvSpPr>
        <p:spPr>
          <a:xfrm>
            <a:off x="8804196" y="603206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bs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tp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0EF5FBBD-F5EB-AAFF-DFE6-985C490D6ADB}"/>
              </a:ext>
            </a:extLst>
          </p:cNvPr>
          <p:cNvSpPr txBox="1"/>
          <p:nvPr/>
        </p:nvSpPr>
        <p:spPr>
          <a:xfrm>
            <a:off x="8804196" y="3578960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bs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ts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9764076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8FEFB2-E3FF-F705-706F-8937D6B106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78F93C-2502-4154-9226-C46061F90646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2DC0A11-9744-A20D-D212-682A5D90BEF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1764" y="1390464"/>
            <a:ext cx="5289175" cy="407707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8B9AFAF-D20A-0B9F-BD1B-375E01D6A35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94412" y="1390464"/>
            <a:ext cx="5289175" cy="4077072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AE1084C6-F6AE-14C5-C22C-E5B35E6CC5DE}"/>
              </a:ext>
            </a:extLst>
          </p:cNvPr>
          <p:cNvSpPr txBox="1"/>
          <p:nvPr/>
        </p:nvSpPr>
        <p:spPr>
          <a:xfrm>
            <a:off x="261764" y="1124744"/>
            <a:ext cx="528917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bs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tp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FAC6851-AC28-D5B9-5751-100BF081B697}"/>
              </a:ext>
            </a:extLst>
          </p:cNvPr>
          <p:cNvSpPr txBox="1"/>
          <p:nvPr/>
        </p:nvSpPr>
        <p:spPr>
          <a:xfrm>
            <a:off x="6094413" y="1124744"/>
            <a:ext cx="528917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bs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ts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A857905-7CD4-5F36-2ED2-0AEEFDA3B976}"/>
              </a:ext>
            </a:extLst>
          </p:cNvPr>
          <p:cNvSpPr txBox="1"/>
          <p:nvPr/>
        </p:nvSpPr>
        <p:spPr>
          <a:xfrm>
            <a:off x="261764" y="404664"/>
            <a:ext cx="528917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800" dirty="0">
                <a:latin typeface="+mj-lt"/>
                <a:ea typeface="Cascadia Code" panose="020B0609020000020004" pitchFamily="49" charset="0"/>
                <a:cs typeface="Cascadia Code" panose="020B0609020000020004" pitchFamily="49" charset="0"/>
              </a:rPr>
              <a:t>STANDARD</a:t>
            </a:r>
            <a:endParaRPr lang="da-DK" sz="2800" dirty="0">
              <a:latin typeface="+mj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06BD650-048D-535E-8DC9-6ED8ADEE0A45}"/>
              </a:ext>
            </a:extLst>
          </p:cNvPr>
          <p:cNvSpPr txBox="1"/>
          <p:nvPr/>
        </p:nvSpPr>
        <p:spPr>
          <a:xfrm>
            <a:off x="6094413" y="404663"/>
            <a:ext cx="528917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800" dirty="0">
                <a:latin typeface="+mj-lt"/>
                <a:ea typeface="Cascadia Code" panose="020B0609020000020004" pitchFamily="49" charset="0"/>
                <a:cs typeface="Cascadia Code" panose="020B0609020000020004" pitchFamily="49" charset="0"/>
              </a:rPr>
              <a:t>SHRINKAGE</a:t>
            </a:r>
            <a:endParaRPr lang="da-DK" sz="2800" dirty="0">
              <a:latin typeface="+mj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69356151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9B790F9-CCC0-A46F-5E37-CBDDA936548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ABB096-4533-8564-BA1A-EE415DD43F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yclic Spline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6623EC9-E083-CC46-8EB5-CCC169CFD5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BAFD6F-571F-4BF2-BA28-2796C7CF0162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AA32633-F371-9AE0-94BE-9CB37F0A4FE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53851" y="2175232"/>
            <a:ext cx="4686767" cy="71104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98A8388-06CD-AB5C-DCBD-F32C31EE7B7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53852" y="3533147"/>
            <a:ext cx="6048672" cy="36997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D76B5576-FE53-4CCA-0F3F-B2EF2F6B080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56124" y="4404237"/>
            <a:ext cx="5990409" cy="38074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3FCB05CF-8ACD-00A2-BBB4-42BBCE7E126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003016" y="264734"/>
            <a:ext cx="2376264" cy="1831703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AAE530D7-E5E9-E83B-4ABD-26765B33C4B8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3" y="3904828"/>
            <a:ext cx="3259325" cy="251239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0F4A37FE-B753-B6F5-B993-D4A129AEE63A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3" y="929074"/>
            <a:ext cx="3259325" cy="2512396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38A9C220-B4CB-538F-4461-DF5C6CEE8F5A}"/>
              </a:ext>
            </a:extLst>
          </p:cNvPr>
          <p:cNvSpPr txBox="1"/>
          <p:nvPr/>
        </p:nvSpPr>
        <p:spPr>
          <a:xfrm>
            <a:off x="8804196" y="603206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bs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cr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F5AB9351-B0FA-BBA4-390B-CC83A0F2AE1D}"/>
              </a:ext>
            </a:extLst>
          </p:cNvPr>
          <p:cNvSpPr txBox="1"/>
          <p:nvPr/>
        </p:nvSpPr>
        <p:spPr>
          <a:xfrm>
            <a:off x="8804196" y="3578960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bs = “cc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3" name="Straight Arrow Connector 2">
            <a:extLst>
              <a:ext uri="{FF2B5EF4-FFF2-40B4-BE49-F238E27FC236}">
                <a16:creationId xmlns:a16="http://schemas.microsoft.com/office/drawing/2014/main" id="{FEF29033-6034-A143-36A1-ABCDA00D70E1}"/>
              </a:ext>
            </a:extLst>
          </p:cNvPr>
          <p:cNvCxnSpPr>
            <a:cxnSpLocks/>
            <a:stCxn id="8" idx="3"/>
            <a:endCxn id="14" idx="1"/>
          </p:cNvCxnSpPr>
          <p:nvPr/>
        </p:nvCxnSpPr>
        <p:spPr bwMode="auto">
          <a:xfrm flipV="1">
            <a:off x="7102524" y="2185272"/>
            <a:ext cx="1152129" cy="1532863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449EDC24-4AD5-C3A2-0DE5-852AC1F99EFE}"/>
              </a:ext>
            </a:extLst>
          </p:cNvPr>
          <p:cNvCxnSpPr>
            <a:cxnSpLocks/>
            <a:stCxn id="10" idx="3"/>
            <a:endCxn id="13" idx="1"/>
          </p:cNvCxnSpPr>
          <p:nvPr/>
        </p:nvCxnSpPr>
        <p:spPr bwMode="auto">
          <a:xfrm>
            <a:off x="7046533" y="4594610"/>
            <a:ext cx="1208120" cy="566416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941088585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6D6C34-1EF9-005C-9D0A-A6D4451F75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429F4E-67AF-455B-8F5C-F3180788C066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958AD2E-126D-5B39-61B0-05F1CB192FB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147604" y="332656"/>
            <a:ext cx="7328752" cy="56492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5601669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AFE48B6-62DF-BB26-D623-949706CA70C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C6F84E-DE6D-CF9E-1B45-21C73E963F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andom </a:t>
            </a:r>
            <a:r>
              <a:rPr lang="en-US" dirty="0" err="1"/>
              <a:t>Effect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F5CE9A5-F96B-5098-C618-7C54D519A3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BAFD6F-571F-4BF2-BA28-2796C7CF0162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09EADAB-54F2-EF14-B787-8D4C44690C0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44662" y="4104948"/>
            <a:ext cx="4382152" cy="36997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3FF1DF3-E49D-BDB3-E2F7-FB390826DB4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44662" y="4980801"/>
            <a:ext cx="5990409" cy="35751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4B7D61D1-2861-23FE-5D5D-51B52D228CFF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3" y="3904828"/>
            <a:ext cx="3259324" cy="251239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3D3DCA71-A34A-1220-9A48-B4BF67A0EC3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3" y="929074"/>
            <a:ext cx="3259324" cy="2512396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DBCD0F68-0232-A4CC-EE00-1751ADFD1C93}"/>
              </a:ext>
            </a:extLst>
          </p:cNvPr>
          <p:cNvSpPr txBox="1"/>
          <p:nvPr/>
        </p:nvSpPr>
        <p:spPr>
          <a:xfrm>
            <a:off x="8804196" y="603206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bs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cr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0C5CBD8-24F4-F00D-F621-39AED0A7FCFF}"/>
              </a:ext>
            </a:extLst>
          </p:cNvPr>
          <p:cNvSpPr txBox="1"/>
          <p:nvPr/>
        </p:nvSpPr>
        <p:spPr>
          <a:xfrm>
            <a:off x="8804196" y="3578960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bs = “cc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3" name="Straight Arrow Connector 2">
            <a:extLst>
              <a:ext uri="{FF2B5EF4-FFF2-40B4-BE49-F238E27FC236}">
                <a16:creationId xmlns:a16="http://schemas.microsoft.com/office/drawing/2014/main" id="{7ABB8A60-8AD7-AA4F-49C7-2917B9B1CF40}"/>
              </a:ext>
            </a:extLst>
          </p:cNvPr>
          <p:cNvCxnSpPr>
            <a:cxnSpLocks/>
            <a:stCxn id="8" idx="3"/>
            <a:endCxn id="14" idx="1"/>
          </p:cNvCxnSpPr>
          <p:nvPr/>
        </p:nvCxnSpPr>
        <p:spPr bwMode="auto">
          <a:xfrm flipV="1">
            <a:off x="5326814" y="2185272"/>
            <a:ext cx="2927839" cy="2104664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2363E56C-C797-7C0A-10F0-C859EA5A2CC4}"/>
              </a:ext>
            </a:extLst>
          </p:cNvPr>
          <p:cNvCxnSpPr>
            <a:cxnSpLocks/>
            <a:stCxn id="10" idx="3"/>
            <a:endCxn id="13" idx="1"/>
          </p:cNvCxnSpPr>
          <p:nvPr/>
        </p:nvCxnSpPr>
        <p:spPr bwMode="auto">
          <a:xfrm>
            <a:off x="6935071" y="5159560"/>
            <a:ext cx="1319582" cy="1466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7" name="Picture 16">
            <a:extLst>
              <a:ext uri="{FF2B5EF4-FFF2-40B4-BE49-F238E27FC236}">
                <a16:creationId xmlns:a16="http://schemas.microsoft.com/office/drawing/2014/main" id="{B265F844-42CC-83F6-DE0A-AE25C68CA21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419587" y="308742"/>
            <a:ext cx="2476130" cy="1908683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1169C74E-0F8F-BA43-2E02-3B573C61A1D4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44662" y="1959558"/>
            <a:ext cx="4450450" cy="18051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867453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4F6484E-E19B-21FE-5794-47946D32A83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53D34E-C95D-1110-5980-8E2B40362F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andom Factor Smooth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FE5C3D-D504-7225-E84F-6B20BD99E0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BAFD6F-571F-4BF2-BA28-2796C7CF0162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A80C7119-680D-2A37-C566-1D07A6765EB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44662" y="4110214"/>
            <a:ext cx="4382152" cy="359443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B60224A3-9353-AB48-1798-E3367F7E9EC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44662" y="4980801"/>
            <a:ext cx="5743591" cy="35751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622F6627-30AC-75E8-15D6-F7C1AE360F1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3" y="3904828"/>
            <a:ext cx="3259324" cy="2512395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6DA088D2-9E1A-5722-3E04-FEA69D02E91B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54653" y="929074"/>
            <a:ext cx="3259324" cy="2512395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87060043-83C2-F08B-67C4-8BD6F7A17B65}"/>
              </a:ext>
            </a:extLst>
          </p:cNvPr>
          <p:cNvSpPr txBox="1"/>
          <p:nvPr/>
        </p:nvSpPr>
        <p:spPr>
          <a:xfrm>
            <a:off x="8804196" y="603206"/>
            <a:ext cx="21602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bs = “</a:t>
            </a:r>
            <a:r>
              <a:rPr lang="en-US" sz="1600" dirty="0" err="1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tp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191DCF8A-DAC4-D4E0-DA91-3941AB5359D5}"/>
              </a:ext>
            </a:extLst>
          </p:cNvPr>
          <p:cNvSpPr txBox="1"/>
          <p:nvPr/>
        </p:nvSpPr>
        <p:spPr>
          <a:xfrm>
            <a:off x="8457415" y="3568180"/>
            <a:ext cx="28538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Interaction + bs = “fs”</a:t>
            </a:r>
            <a:endParaRPr lang="da-DK" sz="1600" dirty="0">
              <a:latin typeface="Cascadia Code" panose="020B0609020000020004" pitchFamily="49" charset="0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cxnSp>
        <p:nvCxnSpPr>
          <p:cNvPr id="3" name="Straight Arrow Connector 2">
            <a:extLst>
              <a:ext uri="{FF2B5EF4-FFF2-40B4-BE49-F238E27FC236}">
                <a16:creationId xmlns:a16="http://schemas.microsoft.com/office/drawing/2014/main" id="{A7F1B3DC-3000-84E8-3243-8992EBE59593}"/>
              </a:ext>
            </a:extLst>
          </p:cNvPr>
          <p:cNvCxnSpPr>
            <a:cxnSpLocks/>
            <a:stCxn id="8" idx="3"/>
            <a:endCxn id="14" idx="1"/>
          </p:cNvCxnSpPr>
          <p:nvPr/>
        </p:nvCxnSpPr>
        <p:spPr bwMode="auto">
          <a:xfrm flipV="1">
            <a:off x="5326814" y="2185272"/>
            <a:ext cx="2927839" cy="2104664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8FFCE51D-FF13-998A-DD39-54B24AF6F239}"/>
              </a:ext>
            </a:extLst>
          </p:cNvPr>
          <p:cNvCxnSpPr>
            <a:cxnSpLocks/>
            <a:stCxn id="10" idx="3"/>
            <a:endCxn id="13" idx="1"/>
          </p:cNvCxnSpPr>
          <p:nvPr/>
        </p:nvCxnSpPr>
        <p:spPr bwMode="auto">
          <a:xfrm>
            <a:off x="6688253" y="5159560"/>
            <a:ext cx="1566400" cy="1466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7" name="Picture 16">
            <a:extLst>
              <a:ext uri="{FF2B5EF4-FFF2-40B4-BE49-F238E27FC236}">
                <a16:creationId xmlns:a16="http://schemas.microsoft.com/office/drawing/2014/main" id="{BFB305DA-135D-AEC0-6000-EB1C15152879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419587" y="1684157"/>
            <a:ext cx="2476129" cy="1908683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2B2C7662-7AB3-E929-F9A3-C67C68A0B782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44662" y="1961751"/>
            <a:ext cx="4450450" cy="18007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6719340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41164D-8ED9-7773-02EF-EB06477FEB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ultiple Independent Smooth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9817C0-F090-14F2-D7CC-3EF29541C8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CF1BD2-9E2C-4696-8AF5-F99FCDD9DA93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B26BEAB-9671-2BB1-3869-616F9F435D2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94012" y="2060848"/>
            <a:ext cx="6411220" cy="45726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E88DC5A3-C073-3D93-8476-94A6747DD1B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86100" y="2924944"/>
            <a:ext cx="4511552" cy="3084394"/>
          </a:xfrm>
          <a:prstGeom prst="rect">
            <a:avLst/>
          </a:prstGeom>
        </p:spPr>
      </p:pic>
      <p:sp>
        <p:nvSpPr>
          <p:cNvPr id="9" name="Oval 8">
            <a:extLst>
              <a:ext uri="{FF2B5EF4-FFF2-40B4-BE49-F238E27FC236}">
                <a16:creationId xmlns:a16="http://schemas.microsoft.com/office/drawing/2014/main" id="{EF6F7213-0927-819E-22AF-1084BE51B09D}"/>
              </a:ext>
            </a:extLst>
          </p:cNvPr>
          <p:cNvSpPr/>
          <p:nvPr/>
        </p:nvSpPr>
        <p:spPr bwMode="auto">
          <a:xfrm>
            <a:off x="3945984" y="2001416"/>
            <a:ext cx="831756" cy="345972"/>
          </a:xfrm>
          <a:prstGeom prst="ellipse">
            <a:avLst/>
          </a:prstGeom>
          <a:solidFill>
            <a:srgbClr val="183D83">
              <a:alpha val="34902"/>
            </a:srgbClr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979094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02BF6F-4C9C-DA17-D789-8F5B728A9E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s it Working??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5DE537-BBE1-F152-873D-E0BD95A0345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any approaches, but…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F5EE083-E49F-D613-A5B5-E633789843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B63A17-5C7C-4271-B6A3-4D3775636272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DF3D489-BC69-4E1D-D064-BC0E8A5D040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878388" y="975550"/>
            <a:ext cx="5430015" cy="490690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F0346DD4-7AAC-35F1-EF30-399B27053C9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76510" y="3404873"/>
            <a:ext cx="3572374" cy="523948"/>
          </a:xfrm>
          <a:prstGeom prst="rect">
            <a:avLst/>
          </a:prstGeom>
        </p:spPr>
      </p:pic>
      <p:sp>
        <p:nvSpPr>
          <p:cNvPr id="13" name="Arrow: Right 12">
            <a:extLst>
              <a:ext uri="{FF2B5EF4-FFF2-40B4-BE49-F238E27FC236}">
                <a16:creationId xmlns:a16="http://schemas.microsoft.com/office/drawing/2014/main" id="{50D8FB90-F490-DE9E-465A-5850301C1054}"/>
              </a:ext>
            </a:extLst>
          </p:cNvPr>
          <p:cNvSpPr/>
          <p:nvPr/>
        </p:nvSpPr>
        <p:spPr bwMode="auto">
          <a:xfrm>
            <a:off x="4831080" y="3522831"/>
            <a:ext cx="967740" cy="288032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4" name="Graphic 13" descr="Close with solid fill">
            <a:extLst>
              <a:ext uri="{FF2B5EF4-FFF2-40B4-BE49-F238E27FC236}">
                <a16:creationId xmlns:a16="http://schemas.microsoft.com/office/drawing/2014/main" id="{B5B5AE38-F925-DCB3-0CD6-951C8396F72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747729" y="3347423"/>
            <a:ext cx="2613565" cy="2613565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C570EC2E-D2F3-9011-6E67-12957B33C57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602723" y="3532339"/>
            <a:ext cx="2609592" cy="23581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08636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477B9CC-0006-16F8-27D2-BFFBBFF2B5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775674-2473-4C66-A5B2-D1DF587E24C3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86F9C29-3A68-F70F-A51D-69497CCDB82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61815" y="1380985"/>
            <a:ext cx="10433128" cy="4205072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D7D93943-F7DE-1054-5618-AAC62B87327F}"/>
              </a:ext>
            </a:extLst>
          </p:cNvPr>
          <p:cNvSpPr txBox="1"/>
          <p:nvPr/>
        </p:nvSpPr>
        <p:spPr>
          <a:xfrm>
            <a:off x="4266994" y="568184"/>
            <a:ext cx="3322526" cy="81868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800" dirty="0">
                <a:latin typeface="+mj-lt"/>
                <a:ea typeface="Cascadia Code" panose="020B0609020000020004" pitchFamily="49" charset="0"/>
                <a:cs typeface="Cascadia Code" panose="020B0609020000020004" pitchFamily="49" charset="0"/>
              </a:rPr>
              <a:t>RANDOM FACTOR SMOOTHS</a:t>
            </a:r>
            <a:endParaRPr lang="da-DK" sz="2800" dirty="0">
              <a:latin typeface="+mj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13A7769-2CA5-0645-A9ED-D8752C75D242}"/>
              </a:ext>
            </a:extLst>
          </p:cNvPr>
          <p:cNvSpPr txBox="1"/>
          <p:nvPr/>
        </p:nvSpPr>
        <p:spPr>
          <a:xfrm>
            <a:off x="7638502" y="574069"/>
            <a:ext cx="3311438" cy="8128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800" dirty="0">
                <a:latin typeface="+mj-lt"/>
                <a:ea typeface="Cascadia Code" panose="020B0609020000020004" pitchFamily="49" charset="0"/>
                <a:cs typeface="Cascadia Code" panose="020B0609020000020004" pitchFamily="49" charset="0"/>
              </a:rPr>
              <a:t>DEFAULT SMOOTH</a:t>
            </a:r>
            <a:endParaRPr lang="da-DK" sz="2800" dirty="0">
              <a:latin typeface="+mj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3DA1E92-0AB6-D704-1135-DC02F31D7FAC}"/>
              </a:ext>
            </a:extLst>
          </p:cNvPr>
          <p:cNvSpPr txBox="1"/>
          <p:nvPr/>
        </p:nvSpPr>
        <p:spPr>
          <a:xfrm>
            <a:off x="906780" y="574068"/>
            <a:ext cx="3322320" cy="81868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800" dirty="0">
                <a:latin typeface="+mj-lt"/>
                <a:ea typeface="Cascadia Code" panose="020B0609020000020004" pitchFamily="49" charset="0"/>
                <a:cs typeface="Cascadia Code" panose="020B0609020000020004" pitchFamily="49" charset="0"/>
              </a:rPr>
              <a:t>INDEPENDENT SMOOTHS</a:t>
            </a:r>
            <a:endParaRPr lang="da-DK" sz="2800" dirty="0">
              <a:latin typeface="+mj-lt"/>
              <a:ea typeface="Cascadia Code" panose="020B0609020000020004" pitchFamily="49" charset="0"/>
              <a:cs typeface="Cascadia Code" panose="020B06090200000200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32051693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3391B5-14A0-840D-DB43-F992380CEE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era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4FCB57A-FA29-FF04-807E-B7AA4845BF9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anchor="ctr"/>
          <a:lstStyle/>
          <a:p>
            <a:pPr marL="342900" indent="-342900">
              <a:buFont typeface="0xProto Nerd Font" panose="02000009000000000000" pitchFamily="50" charset="0"/>
              <a:buChar char=""/>
            </a:pPr>
            <a:r>
              <a:rPr lang="en-US" sz="1600" dirty="0">
                <a:highlight>
                  <a:srgbClr val="C0C0C0"/>
                </a:highlight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s(x, y, bs = “…”)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 | </a:t>
            </a:r>
            <a:r>
              <a:rPr lang="en-US" dirty="0"/>
              <a:t>Simple, but covariates must use the same smooth type and preferably be on the same(</a:t>
            </a:r>
            <a:r>
              <a:rPr lang="en-US" dirty="0" err="1"/>
              <a:t>ish</a:t>
            </a:r>
            <a:r>
              <a:rPr lang="en-US" dirty="0"/>
              <a:t>) scale.</a:t>
            </a:r>
            <a:br>
              <a:rPr lang="en-US" dirty="0"/>
            </a:br>
            <a:endParaRPr lang="en-US" dirty="0"/>
          </a:p>
          <a:p>
            <a:pPr marL="342900" indent="-342900">
              <a:buFont typeface="0xProto Nerd Font" panose="02000009000000000000" pitchFamily="50" charset="0"/>
              <a:buChar char=""/>
            </a:pPr>
            <a:r>
              <a:rPr lang="en-US" sz="1600" dirty="0" err="1">
                <a:highlight>
                  <a:srgbClr val="C0C0C0"/>
                </a:highlight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te</a:t>
            </a:r>
            <a:r>
              <a:rPr lang="en-US" sz="1600" dirty="0">
                <a:highlight>
                  <a:srgbClr val="C0C0C0"/>
                </a:highlight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(x, y, bs = c(“…”, “…”))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 | </a:t>
            </a:r>
            <a:r>
              <a:rPr lang="en-US" dirty="0"/>
              <a:t>More powerful, but results are aggregated.</a:t>
            </a:r>
          </a:p>
          <a:p>
            <a:pPr marL="342900" indent="-342900">
              <a:buFont typeface="0xProto Nerd Font" panose="02000009000000000000" pitchFamily="50" charset="0"/>
              <a:buChar char=""/>
            </a:pPr>
            <a:endParaRPr lang="en-US" dirty="0"/>
          </a:p>
          <a:p>
            <a:pPr marL="342900" indent="-342900">
              <a:buFont typeface="0xProto Nerd Font" panose="02000009000000000000" pitchFamily="50" charset="0"/>
              <a:buChar char=""/>
            </a:pPr>
            <a:r>
              <a:rPr lang="en-US" sz="1600" dirty="0">
                <a:highlight>
                  <a:srgbClr val="C0C0C0"/>
                </a:highlight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s(x, bs = “…”) + s(y, bs = “…”) + </a:t>
            </a:r>
            <a:r>
              <a:rPr lang="en-US" sz="1600" dirty="0" err="1">
                <a:highlight>
                  <a:srgbClr val="C0C0C0"/>
                </a:highlight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ti</a:t>
            </a:r>
            <a:r>
              <a:rPr lang="en-US" sz="1600" dirty="0">
                <a:highlight>
                  <a:srgbClr val="C0C0C0"/>
                </a:highlight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(x, y, bs = “…”)</a:t>
            </a:r>
            <a:r>
              <a:rPr lang="en-US" sz="1600" dirty="0">
                <a:latin typeface="Cascadia Code" panose="020B0609020000020004" pitchFamily="49" charset="0"/>
                <a:ea typeface="Cascadia Code" panose="020B0609020000020004" pitchFamily="49" charset="0"/>
                <a:cs typeface="Cascadia Code" panose="020B0609020000020004" pitchFamily="49" charset="0"/>
              </a:rPr>
              <a:t> | </a:t>
            </a:r>
            <a:r>
              <a:rPr lang="en-US" dirty="0"/>
              <a:t>Almost as performant as the prior approaches, but much easier to interpret formula and outputs!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11B7FA-3E9F-662F-D032-E85D8B61AB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032633-795C-45D4-AEF2-A3F890DE4DB6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6537571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A7FE7E-9563-96B5-2699-0FE28B4D31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re diagnostics and marginal plot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444838B-8965-CC25-3E67-B2D8EED0DFA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S(…, k = X) | “k” is often a very important parameter. It specifies the </a:t>
            </a:r>
            <a:r>
              <a:rPr lang="en-US" u="sng" dirty="0"/>
              <a:t>maximum</a:t>
            </a:r>
            <a:r>
              <a:rPr lang="en-US" dirty="0"/>
              <a:t> degrees of freedom a specific smooth term may use. </a:t>
            </a:r>
          </a:p>
          <a:p>
            <a:endParaRPr lang="en-US" dirty="0"/>
          </a:p>
          <a:p>
            <a:pPr algn="ctr"/>
            <a:r>
              <a:rPr lang="en-US" sz="2400" dirty="0"/>
              <a:t>The only downside to increasing “k” is that it is slower!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17CAB0-D7F0-6BC3-86D3-E643AFDF1F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A3C671-F8EB-48E9-9F9C-D9F5F422F3B6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E2889CE-1369-3E3F-A7B2-621B89A4BDF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11107" y="4300206"/>
            <a:ext cx="7163800" cy="44773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FE1CFE9-669C-B464-BFE1-1CA537CC50D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66620" y="3530176"/>
            <a:ext cx="3503440" cy="2395183"/>
          </a:xfrm>
          <a:prstGeom prst="rect">
            <a:avLst/>
          </a:prstGeom>
        </p:spPr>
      </p:pic>
      <p:sp>
        <p:nvSpPr>
          <p:cNvPr id="9" name="Oval 8">
            <a:extLst>
              <a:ext uri="{FF2B5EF4-FFF2-40B4-BE49-F238E27FC236}">
                <a16:creationId xmlns:a16="http://schemas.microsoft.com/office/drawing/2014/main" id="{8EB0FFA8-95E3-B667-F9BC-D288D9A5F865}"/>
              </a:ext>
            </a:extLst>
          </p:cNvPr>
          <p:cNvSpPr/>
          <p:nvPr/>
        </p:nvSpPr>
        <p:spPr bwMode="auto">
          <a:xfrm>
            <a:off x="2841084" y="4218836"/>
            <a:ext cx="831756" cy="345972"/>
          </a:xfrm>
          <a:prstGeom prst="ellipse">
            <a:avLst/>
          </a:prstGeom>
          <a:solidFill>
            <a:srgbClr val="183D83">
              <a:alpha val="34902"/>
            </a:srgbClr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48357287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C2842A2-C641-BCD5-1677-FB2D055297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011CC7-EEF5-4230-8207-3CE63C5D3BDF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336671C-2881-59F0-52A2-D76D29F73EC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12512" y="1052736"/>
            <a:ext cx="7163800" cy="44773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1F77DFF4-5A95-3D1B-0F88-BF652292C7B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98783" y="1628800"/>
            <a:ext cx="6391258" cy="4369487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424FFA22-7131-70C2-ED88-FA52E02E7C3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504892" y="1069146"/>
            <a:ext cx="7354326" cy="43821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F0F967D2-705A-AA10-6184-908F3E1FA5E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898783" y="1628802"/>
            <a:ext cx="6391258" cy="43694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8149025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spd="slow">
        <p159:morph option="byObject"/>
      </p:transition>
    </mc:Choice>
    <mc:Fallback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2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4214BC-B73E-0634-9F85-00B8788305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Gam.check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C9CE28-BFD3-EE26-B65C-6C9D280F37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9761B-0AEB-4C79-BEF5-006E849921AC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E073BAF-266E-D696-1673-0961246DD5F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63764" y="0"/>
            <a:ext cx="3225061" cy="220486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3BD2EAD-F9F9-E0AC-2907-9DB1B5128B5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14601" y="2204864"/>
            <a:ext cx="5079811" cy="2982583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25516621-E97E-52E0-D2BA-322968C815C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14601" y="2204865"/>
            <a:ext cx="4935795" cy="2664954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E4858E77-E0C2-AF0A-BDD4-933D0557ECA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63763" y="0"/>
            <a:ext cx="3225062" cy="2204865"/>
          </a:xfrm>
          <a:prstGeom prst="rect">
            <a:avLst/>
          </a:prstGeom>
        </p:spPr>
      </p:pic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9F21D1A7-8EB6-8C20-B881-138BCBB788E8}"/>
              </a:ext>
            </a:extLst>
          </p:cNvPr>
          <p:cNvSpPr/>
          <p:nvPr/>
        </p:nvSpPr>
        <p:spPr bwMode="auto">
          <a:xfrm>
            <a:off x="2346960" y="4076700"/>
            <a:ext cx="1515204" cy="876300"/>
          </a:xfrm>
          <a:prstGeom prst="roundRect">
            <a:avLst/>
          </a:prstGeom>
          <a:solidFill>
            <a:srgbClr val="183D83">
              <a:alpha val="34902"/>
            </a:srgbClr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860592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25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2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760FA7E-5DB0-547C-608E-5543E781C1D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97087013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722DE3F-3F15-8AFD-EBE8-C7AD5EF6EE6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799F90-27C2-1818-A878-0714251C84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s it Working?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DE2E01-46D8-7FBE-2AFF-A1B68DD6DB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B63A17-5C7C-4271-B6A3-4D3775636272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A849F92-D661-A80F-168C-7C1C05DABD6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440790" y="1412776"/>
            <a:ext cx="5307244" cy="479595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CB6B2ADA-FBB5-8B7B-4940-80C39FCC900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05752" y="3700541"/>
            <a:ext cx="2736304" cy="2472695"/>
          </a:xfrm>
          <a:prstGeom prst="rect">
            <a:avLst/>
          </a:prstGeom>
        </p:spPr>
      </p:pic>
      <p:pic>
        <p:nvPicPr>
          <p:cNvPr id="14" name="Graphic 13" descr="Warning with solid fill">
            <a:extLst>
              <a:ext uri="{FF2B5EF4-FFF2-40B4-BE49-F238E27FC236}">
                <a16:creationId xmlns:a16="http://schemas.microsoft.com/office/drawing/2014/main" id="{5689BA51-EE03-878C-FA27-59451B745AA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125860" y="2909498"/>
            <a:ext cx="1800200" cy="1800200"/>
          </a:xfrm>
          <a:prstGeom prst="rect">
            <a:avLst/>
          </a:prstGeom>
        </p:spPr>
      </p:pic>
      <p:pic>
        <p:nvPicPr>
          <p:cNvPr id="15" name="Graphic 14" descr="Warning with solid fill">
            <a:extLst>
              <a:ext uri="{FF2B5EF4-FFF2-40B4-BE49-F238E27FC236}">
                <a16:creationId xmlns:a16="http://schemas.microsoft.com/office/drawing/2014/main" id="{ABE226F8-CA9F-F4AF-A09F-2E36E2663B4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261508" y="2909498"/>
            <a:ext cx="1800200" cy="1800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163751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EC11C8-8A7D-6F8B-984D-786CCA2414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t’s ask google</a:t>
            </a:r>
            <a:endParaRPr lang="da-DK" dirty="0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547C2E7E-7A82-3481-3FAD-F02EF7196B4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708112" y="2119685"/>
            <a:ext cx="6772600" cy="3384376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037189-0AF4-11BF-ABCC-3EE6892BB7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06568B-1EFD-4F3A-BCDC-FFC5241BBCD6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56A579D-44EB-70FA-34A8-A969C598AA5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83786" y="2119685"/>
            <a:ext cx="8621252" cy="33843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89966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30724 0.21713 L -0.00599 0.00717 " pathEditMode="relative" rAng="0" ptsTypes="AA">
                                      <p:cBhvr>
                                        <p:cTn id="14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5056" y="-10509"/>
                                    </p:animMotion>
                                  </p:childTnLst>
                                </p:cTn>
                              </p:par>
                              <p:par>
                                <p:cTn id="1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D831C42-D69B-E73B-EDED-740BCDF23AB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C20DBA-F72F-F33E-54D8-91AE353DE2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t’s ask google</a:t>
            </a:r>
            <a:endParaRPr lang="da-DK" dirty="0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B3B0E954-C56B-5108-287C-2FB667F6710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633265" y="2163501"/>
            <a:ext cx="6772600" cy="3384376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9BA6B5-CA97-FB88-1524-86B079FEDB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06568B-1EFD-4F3A-BCDC-FFC5241BBCD6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7" name="Graphic 6" descr="Close with solid fill">
            <a:extLst>
              <a:ext uri="{FF2B5EF4-FFF2-40B4-BE49-F238E27FC236}">
                <a16:creationId xmlns:a16="http://schemas.microsoft.com/office/drawing/2014/main" id="{5C8A9747-576A-3397-3FD0-8AF3D0D527C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887440" y="5228256"/>
            <a:ext cx="395821" cy="395821"/>
          </a:xfrm>
          <a:prstGeom prst="rect">
            <a:avLst/>
          </a:prstGeom>
        </p:spPr>
      </p:pic>
      <p:pic>
        <p:nvPicPr>
          <p:cNvPr id="10" name="Graphic 9" descr="Close with solid fill">
            <a:extLst>
              <a:ext uri="{FF2B5EF4-FFF2-40B4-BE49-F238E27FC236}">
                <a16:creationId xmlns:a16="http://schemas.microsoft.com/office/drawing/2014/main" id="{A67D2FC8-E0F5-9E55-7F52-8F5DB2C2CC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887440" y="4787799"/>
            <a:ext cx="395821" cy="395821"/>
          </a:xfrm>
          <a:prstGeom prst="rect">
            <a:avLst/>
          </a:prstGeom>
        </p:spPr>
      </p:pic>
      <p:pic>
        <p:nvPicPr>
          <p:cNvPr id="11" name="Graphic 10" descr="Close with solid fill">
            <a:extLst>
              <a:ext uri="{FF2B5EF4-FFF2-40B4-BE49-F238E27FC236}">
                <a16:creationId xmlns:a16="http://schemas.microsoft.com/office/drawing/2014/main" id="{32F882E6-1E89-3A17-D6CC-CC1E2801BE2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887440" y="4157115"/>
            <a:ext cx="395821" cy="395821"/>
          </a:xfrm>
          <a:prstGeom prst="rect">
            <a:avLst/>
          </a:prstGeom>
        </p:spPr>
      </p:pic>
      <p:pic>
        <p:nvPicPr>
          <p:cNvPr id="12" name="Graphic 11" descr="Close with solid fill">
            <a:extLst>
              <a:ext uri="{FF2B5EF4-FFF2-40B4-BE49-F238E27FC236}">
                <a16:creationId xmlns:a16="http://schemas.microsoft.com/office/drawing/2014/main" id="{E5D8393C-08BE-AEEB-C68A-FEB0C53744D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887440" y="3509043"/>
            <a:ext cx="395821" cy="395821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AEDDA5C3-5031-FF4B-7710-726E2B2FB6AD}"/>
              </a:ext>
            </a:extLst>
          </p:cNvPr>
          <p:cNvSpPr txBox="1"/>
          <p:nvPr/>
        </p:nvSpPr>
        <p:spPr>
          <a:xfrm>
            <a:off x="5192693" y="2350386"/>
            <a:ext cx="413435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solidFill>
                  <a:srgbClr val="C00000"/>
                </a:solidFill>
                <a:latin typeface="+mn-lt"/>
              </a:rPr>
              <a:t>“</a:t>
            </a:r>
            <a:r>
              <a:rPr lang="en-US" sz="2800" b="1" dirty="0">
                <a:solidFill>
                  <a:schemeClr val="bg1"/>
                </a:solidFill>
                <a:latin typeface="+mn-lt"/>
              </a:rPr>
              <a:t>”</a:t>
            </a:r>
            <a:endParaRPr lang="da-DK" sz="2800" b="1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7E6C6ABE-4FFA-7910-2ED7-7F25387F53D1}"/>
              </a:ext>
            </a:extLst>
          </p:cNvPr>
          <p:cNvSpPr txBox="1"/>
          <p:nvPr/>
        </p:nvSpPr>
        <p:spPr>
          <a:xfrm>
            <a:off x="5768410" y="2098948"/>
            <a:ext cx="66459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solidFill>
                  <a:schemeClr val="bg1"/>
                </a:solidFill>
                <a:latin typeface="+mn-lt"/>
              </a:rPr>
              <a:t>“</a:t>
            </a:r>
            <a:r>
              <a:rPr lang="en-US" sz="2800" b="1" dirty="0">
                <a:solidFill>
                  <a:srgbClr val="C00000"/>
                </a:solidFill>
                <a:latin typeface="+mn-lt"/>
              </a:rPr>
              <a:t>”</a:t>
            </a:r>
            <a:endParaRPr lang="da-DK" sz="2800" b="1" dirty="0">
              <a:solidFill>
                <a:srgbClr val="C00000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860646519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p14:dur="250">
        <p159:morph option="byObject"/>
      </p:transition>
    </mc:Choice>
    <mc:Fallback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  <p:bldP spid="15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F6DF40E-2E2D-DBA3-0AA2-3C9A15C9B7F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F57324-30F2-0453-244B-42B311243A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s it Working?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61FDDD-79B2-A777-5D74-FBB2193102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B63A17-5C7C-4271-B6A3-4D3775636272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E8301E4-4D98-16DF-BBD9-A14140733EF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440790" y="1412776"/>
            <a:ext cx="5307244" cy="479595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5CDAB66-177F-B21E-3738-3D9696C043B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05752" y="3700541"/>
            <a:ext cx="2736304" cy="2472695"/>
          </a:xfrm>
          <a:prstGeom prst="rect">
            <a:avLst/>
          </a:prstGeom>
        </p:spPr>
      </p:pic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528D661D-8AFF-577E-87C5-6C17FDAD5C77}"/>
              </a:ext>
            </a:extLst>
          </p:cNvPr>
          <p:cNvCxnSpPr>
            <a:cxnSpLocks/>
          </p:cNvCxnSpPr>
          <p:nvPr/>
        </p:nvCxnSpPr>
        <p:spPr bwMode="auto">
          <a:xfrm flipV="1">
            <a:off x="2854052" y="2564904"/>
            <a:ext cx="1512168" cy="3918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>
                <a:lumMod val="75000"/>
                <a:lumOff val="25000"/>
              </a:schemeClr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9AAF2D7C-00AF-5E3E-17A3-73899F6BB9B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6972" y="2564904"/>
            <a:ext cx="1672928" cy="848221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>
                <a:lumMod val="75000"/>
                <a:lumOff val="25000"/>
              </a:schemeClr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DF8D9A5D-0D71-81F8-09C1-8312C6F347BB}"/>
              </a:ext>
            </a:extLst>
          </p:cNvPr>
          <p:cNvCxnSpPr>
            <a:cxnSpLocks/>
          </p:cNvCxnSpPr>
          <p:nvPr/>
        </p:nvCxnSpPr>
        <p:spPr bwMode="auto">
          <a:xfrm flipH="1">
            <a:off x="7971145" y="3977640"/>
            <a:ext cx="1386215" cy="95924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>
                <a:lumMod val="75000"/>
                <a:lumOff val="25000"/>
              </a:schemeClr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9CE17AD1-63E4-D840-1652-DC3EB47F665E}"/>
              </a:ext>
            </a:extLst>
          </p:cNvPr>
          <p:cNvCxnSpPr>
            <a:cxnSpLocks/>
          </p:cNvCxnSpPr>
          <p:nvPr/>
        </p:nvCxnSpPr>
        <p:spPr bwMode="auto">
          <a:xfrm flipV="1">
            <a:off x="2854052" y="4908798"/>
            <a:ext cx="1567072" cy="2809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>
                <a:lumMod val="75000"/>
                <a:lumOff val="25000"/>
              </a:schemeClr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TextBox 20">
            <a:extLst>
              <a:ext uri="{FF2B5EF4-FFF2-40B4-BE49-F238E27FC236}">
                <a16:creationId xmlns:a16="http://schemas.microsoft.com/office/drawing/2014/main" id="{7B6774E9-0853-2FFE-CFC5-02BE4B3DF494}"/>
              </a:ext>
            </a:extLst>
          </p:cNvPr>
          <p:cNvSpPr txBox="1"/>
          <p:nvPr/>
        </p:nvSpPr>
        <p:spPr>
          <a:xfrm>
            <a:off x="1413892" y="2810562"/>
            <a:ext cx="1440160" cy="323493"/>
          </a:xfrm>
          <a:prstGeom prst="roundRect">
            <a:avLst/>
          </a:prstGeom>
          <a:noFill/>
          <a:ln w="28575">
            <a:solidFill>
              <a:schemeClr val="accent1">
                <a:lumMod val="75000"/>
                <a:lumOff val="25000"/>
              </a:schemeClr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Not linear!</a:t>
            </a:r>
            <a:endParaRPr lang="da-DK" sz="2000" dirty="0">
              <a:latin typeface="+mn-lt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57BE55B2-7A5E-1E5E-9466-F52309C7417A}"/>
              </a:ext>
            </a:extLst>
          </p:cNvPr>
          <p:cNvSpPr txBox="1"/>
          <p:nvPr/>
        </p:nvSpPr>
        <p:spPr>
          <a:xfrm>
            <a:off x="549796" y="4613395"/>
            <a:ext cx="2304256" cy="646986"/>
          </a:xfrm>
          <a:prstGeom prst="roundRect">
            <a:avLst/>
          </a:prstGeom>
          <a:noFill/>
          <a:ln w="28575">
            <a:solidFill>
              <a:schemeClr val="accent1">
                <a:lumMod val="75000"/>
                <a:lumOff val="25000"/>
              </a:schemeClr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“Unequal variance”</a:t>
            </a:r>
          </a:p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(heteroscedastic)</a:t>
            </a:r>
            <a:endParaRPr lang="da-DK" sz="2000" dirty="0">
              <a:latin typeface="+mn-lt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495EE03F-50A9-0BCD-143B-C9FDD5D25D0D}"/>
              </a:ext>
            </a:extLst>
          </p:cNvPr>
          <p:cNvSpPr txBox="1"/>
          <p:nvPr/>
        </p:nvSpPr>
        <p:spPr>
          <a:xfrm>
            <a:off x="9334772" y="3377048"/>
            <a:ext cx="2304256" cy="646986"/>
          </a:xfrm>
          <a:prstGeom prst="roundRect">
            <a:avLst/>
          </a:prstGeom>
          <a:noFill/>
          <a:ln w="28575">
            <a:solidFill>
              <a:schemeClr val="accent1">
                <a:lumMod val="75000"/>
                <a:lumOff val="25000"/>
              </a:schemeClr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Residuals NOT normal</a:t>
            </a:r>
            <a:endParaRPr lang="da-DK" sz="2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0672191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D47CFC-390F-37B1-05BF-7C15479B48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s it Working?? Now with MGCV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57EEA34-7CED-6F26-B50F-957650C912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ABBE90-B624-4331-9B85-9D06078144E1}" type="datetime1">
              <a:rPr lang="en-GB" smtClean="0"/>
              <a:t>28/11/2024</a:t>
            </a:fld>
            <a:r>
              <a:rPr lang="en-GB"/>
              <a:t>28/11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5A7AA76-80ED-C9F5-8D14-3F90BAB0470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42886" y="1700808"/>
            <a:ext cx="4503052" cy="4270752"/>
          </a:xfrm>
          <a:prstGeom prst="rect">
            <a:avLst/>
          </a:prstGeom>
        </p:spPr>
      </p:pic>
      <p:pic>
        <p:nvPicPr>
          <p:cNvPr id="8" name="Graphic 7" descr="Checkmark with solid fill">
            <a:extLst>
              <a:ext uri="{FF2B5EF4-FFF2-40B4-BE49-F238E27FC236}">
                <a16:creationId xmlns:a16="http://schemas.microsoft.com/office/drawing/2014/main" id="{3BFC6A75-9D1A-66A8-54E3-6A04974F08C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444173" y="2420888"/>
            <a:ext cx="914400" cy="914400"/>
          </a:xfrm>
          <a:prstGeom prst="rect">
            <a:avLst/>
          </a:prstGeom>
        </p:spPr>
      </p:pic>
      <p:pic>
        <p:nvPicPr>
          <p:cNvPr id="9" name="Graphic 8" descr="Checkmark with solid fill">
            <a:extLst>
              <a:ext uri="{FF2B5EF4-FFF2-40B4-BE49-F238E27FC236}">
                <a16:creationId xmlns:a16="http://schemas.microsoft.com/office/drawing/2014/main" id="{D180791A-C2C4-020D-D044-94AC8807C7F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440643" y="4437112"/>
            <a:ext cx="914400" cy="914400"/>
          </a:xfrm>
          <a:prstGeom prst="rect">
            <a:avLst/>
          </a:prstGeom>
        </p:spPr>
      </p:pic>
      <p:pic>
        <p:nvPicPr>
          <p:cNvPr id="10" name="Graphic 9" descr="Checkmark with solid fill">
            <a:extLst>
              <a:ext uri="{FF2B5EF4-FFF2-40B4-BE49-F238E27FC236}">
                <a16:creationId xmlns:a16="http://schemas.microsoft.com/office/drawing/2014/main" id="{220626FE-AAF7-71CD-3EB0-FB83A25CD73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830251" y="2415560"/>
            <a:ext cx="914400" cy="91440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EC4639EE-F160-1C93-82A4-E5A4A781C920}"/>
              </a:ext>
            </a:extLst>
          </p:cNvPr>
          <p:cNvSpPr txBox="1"/>
          <p:nvPr/>
        </p:nvSpPr>
        <p:spPr>
          <a:xfrm>
            <a:off x="8830251" y="4741180"/>
            <a:ext cx="914400" cy="832023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algn="ctr"/>
            <a:r>
              <a:rPr lang="da-DK" sz="9600" dirty="0"/>
              <a:t>🎉</a:t>
            </a:r>
          </a:p>
        </p:txBody>
      </p:sp>
    </p:spTree>
    <p:extLst>
      <p:ext uri="{BB962C8B-B14F-4D97-AF65-F5344CB8AC3E}">
        <p14:creationId xmlns:p14="http://schemas.microsoft.com/office/powerpoint/2010/main" val="31414125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03 AU Lightblue">
      <a:dk1>
        <a:srgbClr val="000000"/>
      </a:dk1>
      <a:lt1>
        <a:srgbClr val="FFFFFF"/>
      </a:lt1>
      <a:dk2>
        <a:srgbClr val="003E5C"/>
      </a:dk2>
      <a:lt2>
        <a:srgbClr val="003E5C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40</Words>
  <Application>Microsoft Office PowerPoint</Application>
  <PresentationFormat>Custom</PresentationFormat>
  <Paragraphs>195</Paragraphs>
  <Slides>45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5</vt:i4>
      </vt:variant>
    </vt:vector>
  </HeadingPairs>
  <TitlesOfParts>
    <vt:vector size="54" baseType="lpstr">
      <vt:lpstr>AU Passata</vt:lpstr>
      <vt:lpstr>Georgia</vt:lpstr>
      <vt:lpstr>Calibri</vt:lpstr>
      <vt:lpstr>AU Peto</vt:lpstr>
      <vt:lpstr>Arial</vt:lpstr>
      <vt:lpstr>0xProto Nerd Font</vt:lpstr>
      <vt:lpstr>Cascadia Code</vt:lpstr>
      <vt:lpstr>AU Passata Light</vt:lpstr>
      <vt:lpstr>AU 16:9</vt:lpstr>
      <vt:lpstr>Introduction</vt:lpstr>
      <vt:lpstr>A minimal statistics intro</vt:lpstr>
      <vt:lpstr>Linear Regression</vt:lpstr>
      <vt:lpstr>Is it Working??</vt:lpstr>
      <vt:lpstr>Is it Working??</vt:lpstr>
      <vt:lpstr>Let’s ask google</vt:lpstr>
      <vt:lpstr>Let’s ask google</vt:lpstr>
      <vt:lpstr>Is it Working??</vt:lpstr>
      <vt:lpstr>Is it Working?? Now with MGCV</vt:lpstr>
      <vt:lpstr>What is A GAM and MGCV?!</vt:lpstr>
      <vt:lpstr>PowerPoint Presentation</vt:lpstr>
      <vt:lpstr>Dissecting a MGCV GAM</vt:lpstr>
      <vt:lpstr>Dissecting a MGCV GAM</vt:lpstr>
      <vt:lpstr>Dissecting a MGCV GAM</vt:lpstr>
      <vt:lpstr>Dissecting a MGCV GAM</vt:lpstr>
      <vt:lpstr>Dissecting a MGCV GAM</vt:lpstr>
      <vt:lpstr>Dissecting a MGCV GAM</vt:lpstr>
      <vt:lpstr>How DO I complete the tutorial?</vt:lpstr>
      <vt:lpstr>How DO I complete the tutorial?</vt:lpstr>
      <vt:lpstr>How DO I complete the tutorial?</vt:lpstr>
      <vt:lpstr>How DO I complete the tutorial?</vt:lpstr>
      <vt:lpstr>Exercise </vt:lpstr>
      <vt:lpstr>PowerPoint Presentation</vt:lpstr>
      <vt:lpstr>Advanced Usage</vt:lpstr>
      <vt:lpstr>Families in MGCV</vt:lpstr>
      <vt:lpstr>Scaled t</vt:lpstr>
      <vt:lpstr>Zero-inflated Poisson</vt:lpstr>
      <vt:lpstr>Negative Binomial</vt:lpstr>
      <vt:lpstr>Gaussian Location-scale</vt:lpstr>
      <vt:lpstr>Zero-inflated Poisson location-scale</vt:lpstr>
      <vt:lpstr>SMOOTH TERMS</vt:lpstr>
      <vt:lpstr>Thin-plate Splines</vt:lpstr>
      <vt:lpstr>Shrinkage Splines</vt:lpstr>
      <vt:lpstr>PowerPoint Presentation</vt:lpstr>
      <vt:lpstr>Cyclic Splines</vt:lpstr>
      <vt:lpstr>PowerPoint Presentation</vt:lpstr>
      <vt:lpstr>Random EffectS</vt:lpstr>
      <vt:lpstr>Random Factor Smooth</vt:lpstr>
      <vt:lpstr>Multiple Independent Smooths</vt:lpstr>
      <vt:lpstr>PowerPoint Presentation</vt:lpstr>
      <vt:lpstr>Interactions</vt:lpstr>
      <vt:lpstr>More diagnostics and marginal plots</vt:lpstr>
      <vt:lpstr>PowerPoint Presentation</vt:lpstr>
      <vt:lpstr>Gam.check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12-02T14:15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297712131099555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